
<file path=[Content_Types].xml><?xml version="1.0" encoding="utf-8"?>
<Types xmlns="http://schemas.openxmlformats.org/package/2006/content-types">
  <Default Extension="jpeg" ContentType="image/jpeg"/>
  <Default Extension="jpg" ContentType="image/jpg"/>
  <Default Extension="png" ContentType="image/png"/>
  <Default Extension="rels" ContentType="application/vnd.openxmlformats-package.relationships+xml"/>
  <Default Extension="wmf" ContentType="image/x-wmf"/>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microsoft.com/office/2020/02/relationships/classificationlabels" Target="docMetadata/LabelInfo.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75"/>
  </p:notesMasterIdLst>
  <p:sldIdLst>
    <p:sldId id="308" r:id="rId2"/>
    <p:sldId id="3402" r:id="rId3"/>
    <p:sldId id="972" r:id="rId4"/>
    <p:sldId id="3160" r:id="rId5"/>
    <p:sldId id="3067" r:id="rId6"/>
    <p:sldId id="3397" r:id="rId7"/>
    <p:sldId id="3034" r:id="rId8"/>
    <p:sldId id="3460" r:id="rId9"/>
    <p:sldId id="3403" r:id="rId10"/>
    <p:sldId id="263" r:id="rId11"/>
    <p:sldId id="3455" r:id="rId12"/>
    <p:sldId id="309" r:id="rId13"/>
    <p:sldId id="3405" r:id="rId14"/>
    <p:sldId id="3457" r:id="rId15"/>
    <p:sldId id="3458" r:id="rId16"/>
    <p:sldId id="3459" r:id="rId17"/>
    <p:sldId id="3456" r:id="rId18"/>
    <p:sldId id="261" r:id="rId19"/>
    <p:sldId id="262" r:id="rId20"/>
    <p:sldId id="494" r:id="rId21"/>
    <p:sldId id="260" r:id="rId22"/>
    <p:sldId id="264" r:id="rId23"/>
    <p:sldId id="265" r:id="rId24"/>
    <p:sldId id="266" r:id="rId25"/>
    <p:sldId id="267" r:id="rId26"/>
    <p:sldId id="268" r:id="rId27"/>
    <p:sldId id="269" r:id="rId28"/>
    <p:sldId id="3416" r:id="rId29"/>
    <p:sldId id="3454" r:id="rId30"/>
    <p:sldId id="270" r:id="rId31"/>
    <p:sldId id="3401" r:id="rId32"/>
    <p:sldId id="705" r:id="rId33"/>
    <p:sldId id="3431" r:id="rId34"/>
    <p:sldId id="3432" r:id="rId35"/>
    <p:sldId id="3433" r:id="rId36"/>
    <p:sldId id="3399" r:id="rId37"/>
    <p:sldId id="3400" r:id="rId38"/>
    <p:sldId id="259" r:id="rId39"/>
    <p:sldId id="271" r:id="rId40"/>
    <p:sldId id="272" r:id="rId41"/>
    <p:sldId id="3404" r:id="rId42"/>
    <p:sldId id="3407" r:id="rId43"/>
    <p:sldId id="3419" r:id="rId44"/>
    <p:sldId id="3415" r:id="rId45"/>
    <p:sldId id="3408" r:id="rId46"/>
    <p:sldId id="3429" r:id="rId47"/>
    <p:sldId id="3453" r:id="rId48"/>
    <p:sldId id="3430" r:id="rId49"/>
    <p:sldId id="3417" r:id="rId50"/>
    <p:sldId id="3418" r:id="rId51"/>
    <p:sldId id="3428" r:id="rId52"/>
    <p:sldId id="3420" r:id="rId53"/>
    <p:sldId id="3421" r:id="rId54"/>
    <p:sldId id="3422" r:id="rId55"/>
    <p:sldId id="3423" r:id="rId56"/>
    <p:sldId id="3425" r:id="rId57"/>
    <p:sldId id="3424" r:id="rId58"/>
    <p:sldId id="3426" r:id="rId59"/>
    <p:sldId id="3427" r:id="rId60"/>
    <p:sldId id="3406" r:id="rId61"/>
    <p:sldId id="3409" r:id="rId62"/>
    <p:sldId id="3410" r:id="rId63"/>
    <p:sldId id="3411" r:id="rId64"/>
    <p:sldId id="3412" r:id="rId65"/>
    <p:sldId id="3398" r:id="rId66"/>
    <p:sldId id="3413" r:id="rId67"/>
    <p:sldId id="3414" r:id="rId68"/>
    <p:sldId id="258" r:id="rId69"/>
    <p:sldId id="3314" r:id="rId70"/>
    <p:sldId id="3049" r:id="rId71"/>
    <p:sldId id="429" r:id="rId72"/>
    <p:sldId id="453" r:id="rId73"/>
    <p:sldId id="785" r:id="rId74"/>
  </p:sldIdLst>
  <p:sldSz cx="12192000" cy="6858000"/>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5050"/>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6983" autoAdjust="0"/>
    <p:restoredTop sz="94660"/>
  </p:normalViewPr>
  <p:slideViewPr>
    <p:cSldViewPr snapToGrid="0">
      <p:cViewPr varScale="1">
        <p:scale>
          <a:sx n="120" d="100"/>
          <a:sy n="120" d="100"/>
        </p:scale>
        <p:origin x="100" y="648"/>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16" Type="http://schemas.openxmlformats.org/officeDocument/2006/relationships/slide" Target="slides/slide1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slide" Target="slides/slide73.xml"/><Relationship Id="rId79" Type="http://schemas.openxmlformats.org/officeDocument/2006/relationships/tableStyles" Target="tableStyles.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microsoft.com/office/2016/11/relationships/changesInfo" Target="changesInfos/changesInfo1.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presProps" Target="presProps.xml"/><Relationship Id="rId7" Type="http://schemas.openxmlformats.org/officeDocument/2006/relationships/slide" Target="slides/slide6.xml"/><Relationship Id="rId71" Type="http://schemas.openxmlformats.org/officeDocument/2006/relationships/slide" Target="slides/slide70.xml"/><Relationship Id="rId2" Type="http://schemas.openxmlformats.org/officeDocument/2006/relationships/slide" Target="slides/slide1.xml"/><Relationship Id="rId29" Type="http://schemas.openxmlformats.org/officeDocument/2006/relationships/slide" Target="slides/slide28.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Abe,YutakaTKZIM" userId="4ea0f8c6-cb00-4a5a-9642-b208e11f484d" providerId="ADAL" clId="{DF643A51-0D77-4B0F-8B72-970EFD7718EC}"/>
    <pc:docChg chg="undo custSel addSld delSld modSld sldOrd">
      <pc:chgData name="Abe,YutakaTKZIM" userId="4ea0f8c6-cb00-4a5a-9642-b208e11f484d" providerId="ADAL" clId="{DF643A51-0D77-4B0F-8B72-970EFD7718EC}" dt="2025-01-05T22:34:20.032" v="4041"/>
      <pc:docMkLst>
        <pc:docMk/>
      </pc:docMkLst>
      <pc:sldChg chg="addSp delSp modSp add mod ord">
        <pc:chgData name="Abe,YutakaTKZIM" userId="4ea0f8c6-cb00-4a5a-9642-b208e11f484d" providerId="ADAL" clId="{DF643A51-0D77-4B0F-8B72-970EFD7718EC}" dt="2024-12-25T01:52:34.351" v="1578"/>
        <pc:sldMkLst>
          <pc:docMk/>
          <pc:sldMk cId="0" sldId="258"/>
        </pc:sldMkLst>
        <pc:spChg chg="del mod">
          <ac:chgData name="Abe,YutakaTKZIM" userId="4ea0f8c6-cb00-4a5a-9642-b208e11f484d" providerId="ADAL" clId="{DF643A51-0D77-4B0F-8B72-970EFD7718EC}" dt="2024-12-23T04:29:30.216" v="1093" actId="478"/>
          <ac:spMkLst>
            <pc:docMk/>
            <pc:sldMk cId="0" sldId="258"/>
            <ac:spMk id="2" creationId="{00000000-0000-0000-0000-000000000000}"/>
          </ac:spMkLst>
        </pc:spChg>
        <pc:spChg chg="del mod">
          <ac:chgData name="Abe,YutakaTKZIM" userId="4ea0f8c6-cb00-4a5a-9642-b208e11f484d" providerId="ADAL" clId="{DF643A51-0D77-4B0F-8B72-970EFD7718EC}" dt="2024-12-23T04:29:14.662" v="1088" actId="478"/>
          <ac:spMkLst>
            <pc:docMk/>
            <pc:sldMk cId="0" sldId="258"/>
            <ac:spMk id="4" creationId="{00000000-0000-0000-0000-000000000000}"/>
          </ac:spMkLst>
        </pc:spChg>
        <pc:spChg chg="del">
          <ac:chgData name="Abe,YutakaTKZIM" userId="4ea0f8c6-cb00-4a5a-9642-b208e11f484d" providerId="ADAL" clId="{DF643A51-0D77-4B0F-8B72-970EFD7718EC}" dt="2024-12-24T00:19:12.805" v="1447" actId="478"/>
          <ac:spMkLst>
            <pc:docMk/>
            <pc:sldMk cId="0" sldId="258"/>
            <ac:spMk id="5" creationId="{00000000-0000-0000-0000-000000000000}"/>
          </ac:spMkLst>
        </pc:spChg>
        <pc:spChg chg="del">
          <ac:chgData name="Abe,YutakaTKZIM" userId="4ea0f8c6-cb00-4a5a-9642-b208e11f484d" providerId="ADAL" clId="{DF643A51-0D77-4B0F-8B72-970EFD7718EC}" dt="2024-12-24T00:19:12.805" v="1447" actId="478"/>
          <ac:spMkLst>
            <pc:docMk/>
            <pc:sldMk cId="0" sldId="258"/>
            <ac:spMk id="6" creationId="{00000000-0000-0000-0000-000000000000}"/>
          </ac:spMkLst>
        </pc:spChg>
        <pc:spChg chg="del">
          <ac:chgData name="Abe,YutakaTKZIM" userId="4ea0f8c6-cb00-4a5a-9642-b208e11f484d" providerId="ADAL" clId="{DF643A51-0D77-4B0F-8B72-970EFD7718EC}" dt="2024-12-24T00:19:12.805" v="1447" actId="478"/>
          <ac:spMkLst>
            <pc:docMk/>
            <pc:sldMk cId="0" sldId="258"/>
            <ac:spMk id="7" creationId="{00000000-0000-0000-0000-000000000000}"/>
          </ac:spMkLst>
        </pc:spChg>
        <pc:spChg chg="del">
          <ac:chgData name="Abe,YutakaTKZIM" userId="4ea0f8c6-cb00-4a5a-9642-b208e11f484d" providerId="ADAL" clId="{DF643A51-0D77-4B0F-8B72-970EFD7718EC}" dt="2024-12-24T00:19:12.805" v="1447" actId="478"/>
          <ac:spMkLst>
            <pc:docMk/>
            <pc:sldMk cId="0" sldId="258"/>
            <ac:spMk id="8" creationId="{00000000-0000-0000-0000-000000000000}"/>
          </ac:spMkLst>
        </pc:spChg>
        <pc:spChg chg="del">
          <ac:chgData name="Abe,YutakaTKZIM" userId="4ea0f8c6-cb00-4a5a-9642-b208e11f484d" providerId="ADAL" clId="{DF643A51-0D77-4B0F-8B72-970EFD7718EC}" dt="2024-12-24T00:19:12.805" v="1447" actId="478"/>
          <ac:spMkLst>
            <pc:docMk/>
            <pc:sldMk cId="0" sldId="258"/>
            <ac:spMk id="9" creationId="{00000000-0000-0000-0000-000000000000}"/>
          </ac:spMkLst>
        </pc:spChg>
        <pc:spChg chg="del">
          <ac:chgData name="Abe,YutakaTKZIM" userId="4ea0f8c6-cb00-4a5a-9642-b208e11f484d" providerId="ADAL" clId="{DF643A51-0D77-4B0F-8B72-970EFD7718EC}" dt="2024-12-24T00:19:12.805" v="1447" actId="478"/>
          <ac:spMkLst>
            <pc:docMk/>
            <pc:sldMk cId="0" sldId="258"/>
            <ac:spMk id="10" creationId="{00000000-0000-0000-0000-000000000000}"/>
          </ac:spMkLst>
        </pc:spChg>
        <pc:spChg chg="del">
          <ac:chgData name="Abe,YutakaTKZIM" userId="4ea0f8c6-cb00-4a5a-9642-b208e11f484d" providerId="ADAL" clId="{DF643A51-0D77-4B0F-8B72-970EFD7718EC}" dt="2024-12-24T00:19:12.805" v="1447" actId="478"/>
          <ac:spMkLst>
            <pc:docMk/>
            <pc:sldMk cId="0" sldId="258"/>
            <ac:spMk id="11" creationId="{00000000-0000-0000-0000-000000000000}"/>
          </ac:spMkLst>
        </pc:spChg>
        <pc:spChg chg="del">
          <ac:chgData name="Abe,YutakaTKZIM" userId="4ea0f8c6-cb00-4a5a-9642-b208e11f484d" providerId="ADAL" clId="{DF643A51-0D77-4B0F-8B72-970EFD7718EC}" dt="2024-12-23T04:06:49.496" v="614" actId="478"/>
          <ac:spMkLst>
            <pc:docMk/>
            <pc:sldMk cId="0" sldId="258"/>
            <ac:spMk id="12" creationId="{00000000-0000-0000-0000-000000000000}"/>
          </ac:spMkLst>
        </pc:spChg>
        <pc:spChg chg="del">
          <ac:chgData name="Abe,YutakaTKZIM" userId="4ea0f8c6-cb00-4a5a-9642-b208e11f484d" providerId="ADAL" clId="{DF643A51-0D77-4B0F-8B72-970EFD7718EC}" dt="2024-12-23T04:29:16.144" v="1089" actId="478"/>
          <ac:spMkLst>
            <pc:docMk/>
            <pc:sldMk cId="0" sldId="258"/>
            <ac:spMk id="13" creationId="{00000000-0000-0000-0000-000000000000}"/>
          </ac:spMkLst>
        </pc:spChg>
        <pc:spChg chg="add del mod">
          <ac:chgData name="Abe,YutakaTKZIM" userId="4ea0f8c6-cb00-4a5a-9642-b208e11f484d" providerId="ADAL" clId="{DF643A51-0D77-4B0F-8B72-970EFD7718EC}" dt="2024-12-23T04:29:32.291" v="1094" actId="478"/>
          <ac:spMkLst>
            <pc:docMk/>
            <pc:sldMk cId="0" sldId="258"/>
            <ac:spMk id="15" creationId="{019BF859-A3CB-4DB0-21E1-E03DE29063F0}"/>
          </ac:spMkLst>
        </pc:spChg>
        <pc:picChg chg="del mod">
          <ac:chgData name="Abe,YutakaTKZIM" userId="4ea0f8c6-cb00-4a5a-9642-b208e11f484d" providerId="ADAL" clId="{DF643A51-0D77-4B0F-8B72-970EFD7718EC}" dt="2024-12-24T00:19:12.805" v="1447" actId="478"/>
          <ac:picMkLst>
            <pc:docMk/>
            <pc:sldMk cId="0" sldId="258"/>
            <ac:picMk id="3" creationId="{00000000-0000-0000-0000-000000000000}"/>
          </ac:picMkLst>
        </pc:picChg>
        <pc:picChg chg="add">
          <ac:chgData name="Abe,YutakaTKZIM" userId="4ea0f8c6-cb00-4a5a-9642-b208e11f484d" providerId="ADAL" clId="{DF643A51-0D77-4B0F-8B72-970EFD7718EC}" dt="2024-12-24T00:19:14.384" v="1448" actId="22"/>
          <ac:picMkLst>
            <pc:docMk/>
            <pc:sldMk cId="0" sldId="258"/>
            <ac:picMk id="4" creationId="{C3299917-5919-C212-C9EC-C46715BD32C6}"/>
          </ac:picMkLst>
        </pc:picChg>
      </pc:sldChg>
      <pc:sldChg chg="addSp delSp modSp add mod ord">
        <pc:chgData name="Abe,YutakaTKZIM" userId="4ea0f8c6-cb00-4a5a-9642-b208e11f484d" providerId="ADAL" clId="{DF643A51-0D77-4B0F-8B72-970EFD7718EC}" dt="2024-12-24T00:20:54.028" v="1451" actId="478"/>
        <pc:sldMkLst>
          <pc:docMk/>
          <pc:sldMk cId="0" sldId="259"/>
        </pc:sldMkLst>
        <pc:spChg chg="del">
          <ac:chgData name="Abe,YutakaTKZIM" userId="4ea0f8c6-cb00-4a5a-9642-b208e11f484d" providerId="ADAL" clId="{DF643A51-0D77-4B0F-8B72-970EFD7718EC}" dt="2024-12-24T00:20:47.491" v="1449" actId="478"/>
          <ac:spMkLst>
            <pc:docMk/>
            <pc:sldMk cId="0" sldId="259"/>
            <ac:spMk id="16" creationId="{00000000-0000-0000-0000-000000000000}"/>
          </ac:spMkLst>
        </pc:spChg>
        <pc:spChg chg="del">
          <ac:chgData name="Abe,YutakaTKZIM" userId="4ea0f8c6-cb00-4a5a-9642-b208e11f484d" providerId="ADAL" clId="{DF643A51-0D77-4B0F-8B72-970EFD7718EC}" dt="2024-12-24T00:20:54.028" v="1451" actId="478"/>
          <ac:spMkLst>
            <pc:docMk/>
            <pc:sldMk cId="0" sldId="259"/>
            <ac:spMk id="32" creationId="{00000000-0000-0000-0000-000000000000}"/>
          </ac:spMkLst>
        </pc:spChg>
        <pc:spChg chg="add del mod">
          <ac:chgData name="Abe,YutakaTKZIM" userId="4ea0f8c6-cb00-4a5a-9642-b208e11f484d" providerId="ADAL" clId="{DF643A51-0D77-4B0F-8B72-970EFD7718EC}" dt="2024-12-24T00:20:50.879" v="1450" actId="478"/>
          <ac:spMkLst>
            <pc:docMk/>
            <pc:sldMk cId="0" sldId="259"/>
            <ac:spMk id="43" creationId="{AC5B4486-360E-93D7-1D3F-31B02FEF8446}"/>
          </ac:spMkLst>
        </pc:spChg>
      </pc:sldChg>
      <pc:sldChg chg="addSp delSp modSp add mod">
        <pc:chgData name="Abe,YutakaTKZIM" userId="4ea0f8c6-cb00-4a5a-9642-b208e11f484d" providerId="ADAL" clId="{DF643A51-0D77-4B0F-8B72-970EFD7718EC}" dt="2024-12-23T04:39:41.986" v="1435"/>
        <pc:sldMkLst>
          <pc:docMk/>
          <pc:sldMk cId="0" sldId="260"/>
        </pc:sldMkLst>
        <pc:spChg chg="del mod">
          <ac:chgData name="Abe,YutakaTKZIM" userId="4ea0f8c6-cb00-4a5a-9642-b208e11f484d" providerId="ADAL" clId="{DF643A51-0D77-4B0F-8B72-970EFD7718EC}" dt="2024-12-23T04:39:31.337" v="1432" actId="478"/>
          <ac:spMkLst>
            <pc:docMk/>
            <pc:sldMk cId="0" sldId="260"/>
            <ac:spMk id="2" creationId="{00000000-0000-0000-0000-000000000000}"/>
          </ac:spMkLst>
        </pc:spChg>
        <pc:spChg chg="del mod">
          <ac:chgData name="Abe,YutakaTKZIM" userId="4ea0f8c6-cb00-4a5a-9642-b208e11f484d" providerId="ADAL" clId="{DF643A51-0D77-4B0F-8B72-970EFD7718EC}" dt="2024-12-23T04:39:39.314" v="1434" actId="478"/>
          <ac:spMkLst>
            <pc:docMk/>
            <pc:sldMk cId="0" sldId="260"/>
            <ac:spMk id="3" creationId="{00000000-0000-0000-0000-000000000000}"/>
          </ac:spMkLst>
        </pc:spChg>
        <pc:spChg chg="del">
          <ac:chgData name="Abe,YutakaTKZIM" userId="4ea0f8c6-cb00-4a5a-9642-b208e11f484d" providerId="ADAL" clId="{DF643A51-0D77-4B0F-8B72-970EFD7718EC}" dt="2024-12-23T04:07:17.412" v="618" actId="478"/>
          <ac:spMkLst>
            <pc:docMk/>
            <pc:sldMk cId="0" sldId="260"/>
            <ac:spMk id="7" creationId="{00000000-0000-0000-0000-000000000000}"/>
          </ac:spMkLst>
        </pc:spChg>
        <pc:spChg chg="del">
          <ac:chgData name="Abe,YutakaTKZIM" userId="4ea0f8c6-cb00-4a5a-9642-b208e11f484d" providerId="ADAL" clId="{DF643A51-0D77-4B0F-8B72-970EFD7718EC}" dt="2024-12-23T04:38:56.088" v="1428" actId="478"/>
          <ac:spMkLst>
            <pc:docMk/>
            <pc:sldMk cId="0" sldId="260"/>
            <ac:spMk id="35" creationId="{00000000-0000-0000-0000-000000000000}"/>
          </ac:spMkLst>
        </pc:spChg>
        <pc:spChg chg="add del mod">
          <ac:chgData name="Abe,YutakaTKZIM" userId="4ea0f8c6-cb00-4a5a-9642-b208e11f484d" providerId="ADAL" clId="{DF643A51-0D77-4B0F-8B72-970EFD7718EC}" dt="2024-12-23T04:39:33.099" v="1433" actId="478"/>
          <ac:spMkLst>
            <pc:docMk/>
            <pc:sldMk cId="0" sldId="260"/>
            <ac:spMk id="37" creationId="{23BF5124-1F25-D80E-36CB-4400CF7C0480}"/>
          </ac:spMkLst>
        </pc:spChg>
        <pc:spChg chg="add mod">
          <ac:chgData name="Abe,YutakaTKZIM" userId="4ea0f8c6-cb00-4a5a-9642-b208e11f484d" providerId="ADAL" clId="{DF643A51-0D77-4B0F-8B72-970EFD7718EC}" dt="2024-12-23T04:39:41.986" v="1435"/>
          <ac:spMkLst>
            <pc:docMk/>
            <pc:sldMk cId="0" sldId="260"/>
            <ac:spMk id="38" creationId="{032A3643-E79C-D250-B019-D288132EB825}"/>
          </ac:spMkLst>
        </pc:spChg>
      </pc:sldChg>
      <pc:sldChg chg="addSp delSp modSp add mod ord">
        <pc:chgData name="Abe,YutakaTKZIM" userId="4ea0f8c6-cb00-4a5a-9642-b208e11f484d" providerId="ADAL" clId="{DF643A51-0D77-4B0F-8B72-970EFD7718EC}" dt="2024-12-27T05:06:44.969" v="3931" actId="1076"/>
        <pc:sldMkLst>
          <pc:docMk/>
          <pc:sldMk cId="0" sldId="261"/>
        </pc:sldMkLst>
        <pc:spChg chg="del mod">
          <ac:chgData name="Abe,YutakaTKZIM" userId="4ea0f8c6-cb00-4a5a-9642-b208e11f484d" providerId="ADAL" clId="{DF643A51-0D77-4B0F-8B72-970EFD7718EC}" dt="2024-12-23T04:33:43.904" v="1335" actId="478"/>
          <ac:spMkLst>
            <pc:docMk/>
            <pc:sldMk cId="0" sldId="261"/>
            <ac:spMk id="2" creationId="{00000000-0000-0000-0000-000000000000}"/>
          </ac:spMkLst>
        </pc:spChg>
        <pc:spChg chg="mod">
          <ac:chgData name="Abe,YutakaTKZIM" userId="4ea0f8c6-cb00-4a5a-9642-b208e11f484d" providerId="ADAL" clId="{DF643A51-0D77-4B0F-8B72-970EFD7718EC}" dt="2024-12-27T05:06:35.854" v="3930" actId="1076"/>
          <ac:spMkLst>
            <pc:docMk/>
            <pc:sldMk cId="0" sldId="261"/>
            <ac:spMk id="8" creationId="{00000000-0000-0000-0000-000000000000}"/>
          </ac:spMkLst>
        </pc:spChg>
        <pc:spChg chg="mod">
          <ac:chgData name="Abe,YutakaTKZIM" userId="4ea0f8c6-cb00-4a5a-9642-b208e11f484d" providerId="ADAL" clId="{DF643A51-0D77-4B0F-8B72-970EFD7718EC}" dt="2024-12-27T05:05:56.894" v="3912" actId="1076"/>
          <ac:spMkLst>
            <pc:docMk/>
            <pc:sldMk cId="0" sldId="261"/>
            <ac:spMk id="9" creationId="{00000000-0000-0000-0000-000000000000}"/>
          </ac:spMkLst>
        </pc:spChg>
        <pc:spChg chg="mod">
          <ac:chgData name="Abe,YutakaTKZIM" userId="4ea0f8c6-cb00-4a5a-9642-b208e11f484d" providerId="ADAL" clId="{DF643A51-0D77-4B0F-8B72-970EFD7718EC}" dt="2024-12-27T05:05:46.480" v="3911" actId="1076"/>
          <ac:spMkLst>
            <pc:docMk/>
            <pc:sldMk cId="0" sldId="261"/>
            <ac:spMk id="21" creationId="{00000000-0000-0000-0000-000000000000}"/>
          </ac:spMkLst>
        </pc:spChg>
        <pc:spChg chg="mod">
          <ac:chgData name="Abe,YutakaTKZIM" userId="4ea0f8c6-cb00-4a5a-9642-b208e11f484d" providerId="ADAL" clId="{DF643A51-0D77-4B0F-8B72-970EFD7718EC}" dt="2024-12-27T05:05:46.480" v="3911" actId="1076"/>
          <ac:spMkLst>
            <pc:docMk/>
            <pc:sldMk cId="0" sldId="261"/>
            <ac:spMk id="37" creationId="{00000000-0000-0000-0000-000000000000}"/>
          </ac:spMkLst>
        </pc:spChg>
        <pc:spChg chg="mod">
          <ac:chgData name="Abe,YutakaTKZIM" userId="4ea0f8c6-cb00-4a5a-9642-b208e11f484d" providerId="ADAL" clId="{DF643A51-0D77-4B0F-8B72-970EFD7718EC}" dt="2024-12-27T05:06:44.969" v="3931" actId="1076"/>
          <ac:spMkLst>
            <pc:docMk/>
            <pc:sldMk cId="0" sldId="261"/>
            <ac:spMk id="47" creationId="{00000000-0000-0000-0000-000000000000}"/>
          </ac:spMkLst>
        </pc:spChg>
        <pc:spChg chg="del">
          <ac:chgData name="Abe,YutakaTKZIM" userId="4ea0f8c6-cb00-4a5a-9642-b208e11f484d" providerId="ADAL" clId="{DF643A51-0D77-4B0F-8B72-970EFD7718EC}" dt="2024-12-23T04:07:39.491" v="620" actId="478"/>
          <ac:spMkLst>
            <pc:docMk/>
            <pc:sldMk cId="0" sldId="261"/>
            <ac:spMk id="48" creationId="{00000000-0000-0000-0000-000000000000}"/>
          </ac:spMkLst>
        </pc:spChg>
        <pc:spChg chg="del">
          <ac:chgData name="Abe,YutakaTKZIM" userId="4ea0f8c6-cb00-4a5a-9642-b208e11f484d" providerId="ADAL" clId="{DF643A51-0D77-4B0F-8B72-970EFD7718EC}" dt="2024-12-23T04:34:24.024" v="1375" actId="478"/>
          <ac:spMkLst>
            <pc:docMk/>
            <pc:sldMk cId="0" sldId="261"/>
            <ac:spMk id="49" creationId="{00000000-0000-0000-0000-000000000000}"/>
          </ac:spMkLst>
        </pc:spChg>
        <pc:spChg chg="add del mod">
          <ac:chgData name="Abe,YutakaTKZIM" userId="4ea0f8c6-cb00-4a5a-9642-b208e11f484d" providerId="ADAL" clId="{DF643A51-0D77-4B0F-8B72-970EFD7718EC}" dt="2024-12-23T04:33:46.389" v="1336" actId="478"/>
          <ac:spMkLst>
            <pc:docMk/>
            <pc:sldMk cId="0" sldId="261"/>
            <ac:spMk id="51" creationId="{818168DE-513B-DFB4-10EB-F224C1B5094F}"/>
          </ac:spMkLst>
        </pc:spChg>
        <pc:spChg chg="add mod">
          <ac:chgData name="Abe,YutakaTKZIM" userId="4ea0f8c6-cb00-4a5a-9642-b208e11f484d" providerId="ADAL" clId="{DF643A51-0D77-4B0F-8B72-970EFD7718EC}" dt="2024-12-23T04:33:57.299" v="1372" actId="20577"/>
          <ac:spMkLst>
            <pc:docMk/>
            <pc:sldMk cId="0" sldId="261"/>
            <ac:spMk id="52" creationId="{94147902-7C35-DEC7-1CEF-512BFB077B24}"/>
          </ac:spMkLst>
        </pc:spChg>
        <pc:grpChg chg="del mod">
          <ac:chgData name="Abe,YutakaTKZIM" userId="4ea0f8c6-cb00-4a5a-9642-b208e11f484d" providerId="ADAL" clId="{DF643A51-0D77-4B0F-8B72-970EFD7718EC}" dt="2024-12-23T04:07:47.338" v="622" actId="478"/>
          <ac:grpSpMkLst>
            <pc:docMk/>
            <pc:sldMk cId="0" sldId="261"/>
            <ac:grpSpMk id="5" creationId="{00000000-0000-0000-0000-000000000000}"/>
          </ac:grpSpMkLst>
        </pc:grpChg>
        <pc:grpChg chg="mod">
          <ac:chgData name="Abe,YutakaTKZIM" userId="4ea0f8c6-cb00-4a5a-9642-b208e11f484d" providerId="ADAL" clId="{DF643A51-0D77-4B0F-8B72-970EFD7718EC}" dt="2024-12-27T05:05:46.480" v="3911" actId="1076"/>
          <ac:grpSpMkLst>
            <pc:docMk/>
            <pc:sldMk cId="0" sldId="261"/>
            <ac:grpSpMk id="10" creationId="{00000000-0000-0000-0000-000000000000}"/>
          </ac:grpSpMkLst>
        </pc:grpChg>
        <pc:grpChg chg="mod">
          <ac:chgData name="Abe,YutakaTKZIM" userId="4ea0f8c6-cb00-4a5a-9642-b208e11f484d" providerId="ADAL" clId="{DF643A51-0D77-4B0F-8B72-970EFD7718EC}" dt="2024-12-27T05:05:46.480" v="3911" actId="1076"/>
          <ac:grpSpMkLst>
            <pc:docMk/>
            <pc:sldMk cId="0" sldId="261"/>
            <ac:grpSpMk id="22" creationId="{00000000-0000-0000-0000-000000000000}"/>
          </ac:grpSpMkLst>
        </pc:grpChg>
        <pc:grpChg chg="mod">
          <ac:chgData name="Abe,YutakaTKZIM" userId="4ea0f8c6-cb00-4a5a-9642-b208e11f484d" providerId="ADAL" clId="{DF643A51-0D77-4B0F-8B72-970EFD7718EC}" dt="2024-12-27T05:05:46.480" v="3911" actId="1076"/>
          <ac:grpSpMkLst>
            <pc:docMk/>
            <pc:sldMk cId="0" sldId="261"/>
            <ac:grpSpMk id="38" creationId="{00000000-0000-0000-0000-000000000000}"/>
          </ac:grpSpMkLst>
        </pc:grpChg>
      </pc:sldChg>
      <pc:sldChg chg="addSp delSp modSp add mod ord">
        <pc:chgData name="Abe,YutakaTKZIM" userId="4ea0f8c6-cb00-4a5a-9642-b208e11f484d" providerId="ADAL" clId="{DF643A51-0D77-4B0F-8B72-970EFD7718EC}" dt="2024-12-27T05:08:57.262" v="3933"/>
        <pc:sldMkLst>
          <pc:docMk/>
          <pc:sldMk cId="0" sldId="262"/>
        </pc:sldMkLst>
        <pc:spChg chg="del">
          <ac:chgData name="Abe,YutakaTKZIM" userId="4ea0f8c6-cb00-4a5a-9642-b208e11f484d" providerId="ADAL" clId="{DF643A51-0D77-4B0F-8B72-970EFD7718EC}" dt="2024-12-23T04:08:20.171" v="626" actId="478"/>
          <ac:spMkLst>
            <pc:docMk/>
            <pc:sldMk cId="0" sldId="262"/>
            <ac:spMk id="2" creationId="{00000000-0000-0000-0000-000000000000}"/>
          </ac:spMkLst>
        </pc:spChg>
        <pc:spChg chg="del mod">
          <ac:chgData name="Abe,YutakaTKZIM" userId="4ea0f8c6-cb00-4a5a-9642-b208e11f484d" providerId="ADAL" clId="{DF643A51-0D77-4B0F-8B72-970EFD7718EC}" dt="2024-12-23T04:31:38.618" v="1170" actId="478"/>
          <ac:spMkLst>
            <pc:docMk/>
            <pc:sldMk cId="0" sldId="262"/>
            <ac:spMk id="3" creationId="{00000000-0000-0000-0000-000000000000}"/>
          </ac:spMkLst>
        </pc:spChg>
        <pc:spChg chg="mod">
          <ac:chgData name="Abe,YutakaTKZIM" userId="4ea0f8c6-cb00-4a5a-9642-b208e11f484d" providerId="ADAL" clId="{DF643A51-0D77-4B0F-8B72-970EFD7718EC}" dt="2024-12-23T04:33:00.112" v="1308" actId="14100"/>
          <ac:spMkLst>
            <pc:docMk/>
            <pc:sldMk cId="0" sldId="262"/>
            <ac:spMk id="4" creationId="{00000000-0000-0000-0000-000000000000}"/>
          </ac:spMkLst>
        </pc:spChg>
        <pc:spChg chg="add del mod">
          <ac:chgData name="Abe,YutakaTKZIM" userId="4ea0f8c6-cb00-4a5a-9642-b208e11f484d" providerId="ADAL" clId="{DF643A51-0D77-4B0F-8B72-970EFD7718EC}" dt="2024-12-23T04:33:04.376" v="1309" actId="1076"/>
          <ac:spMkLst>
            <pc:docMk/>
            <pc:sldMk cId="0" sldId="262"/>
            <ac:spMk id="5"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7"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8"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12"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13"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14"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15"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20"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21"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22"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23"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24"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25" creationId="{00000000-0000-0000-0000-000000000000}"/>
          </ac:spMkLst>
        </pc:spChg>
        <pc:spChg chg="mod">
          <ac:chgData name="Abe,YutakaTKZIM" userId="4ea0f8c6-cb00-4a5a-9642-b208e11f484d" providerId="ADAL" clId="{DF643A51-0D77-4B0F-8B72-970EFD7718EC}" dt="2024-12-23T04:32:41.238" v="1303" actId="1038"/>
          <ac:spMkLst>
            <pc:docMk/>
            <pc:sldMk cId="0" sldId="262"/>
            <ac:spMk id="26" creationId="{00000000-0000-0000-0000-000000000000}"/>
          </ac:spMkLst>
        </pc:spChg>
        <pc:spChg chg="mod">
          <ac:chgData name="Abe,YutakaTKZIM" userId="4ea0f8c6-cb00-4a5a-9642-b208e11f484d" providerId="ADAL" clId="{DF643A51-0D77-4B0F-8B72-970EFD7718EC}" dt="2024-12-23T04:33:09.899" v="1334" actId="1038"/>
          <ac:spMkLst>
            <pc:docMk/>
            <pc:sldMk cId="0" sldId="262"/>
            <ac:spMk id="27" creationId="{00000000-0000-0000-0000-000000000000}"/>
          </ac:spMkLst>
        </pc:spChg>
        <pc:spChg chg="mod">
          <ac:chgData name="Abe,YutakaTKZIM" userId="4ea0f8c6-cb00-4a5a-9642-b208e11f484d" providerId="ADAL" clId="{DF643A51-0D77-4B0F-8B72-970EFD7718EC}" dt="2024-12-23T04:32:45.560" v="1304" actId="1076"/>
          <ac:spMkLst>
            <pc:docMk/>
            <pc:sldMk cId="0" sldId="262"/>
            <ac:spMk id="28" creationId="{00000000-0000-0000-0000-000000000000}"/>
          </ac:spMkLst>
        </pc:spChg>
        <pc:spChg chg="del">
          <ac:chgData name="Abe,YutakaTKZIM" userId="4ea0f8c6-cb00-4a5a-9642-b208e11f484d" providerId="ADAL" clId="{DF643A51-0D77-4B0F-8B72-970EFD7718EC}" dt="2024-12-23T04:08:16.204" v="625" actId="478"/>
          <ac:spMkLst>
            <pc:docMk/>
            <pc:sldMk cId="0" sldId="262"/>
            <ac:spMk id="29" creationId="{00000000-0000-0000-0000-000000000000}"/>
          </ac:spMkLst>
        </pc:spChg>
        <pc:spChg chg="mod">
          <ac:chgData name="Abe,YutakaTKZIM" userId="4ea0f8c6-cb00-4a5a-9642-b208e11f484d" providerId="ADAL" clId="{DF643A51-0D77-4B0F-8B72-970EFD7718EC}" dt="2024-12-23T04:30:52.036" v="1137" actId="1076"/>
          <ac:spMkLst>
            <pc:docMk/>
            <pc:sldMk cId="0" sldId="262"/>
            <ac:spMk id="32" creationId="{00000000-0000-0000-0000-000000000000}"/>
          </ac:spMkLst>
        </pc:spChg>
        <pc:spChg chg="mod">
          <ac:chgData name="Abe,YutakaTKZIM" userId="4ea0f8c6-cb00-4a5a-9642-b208e11f484d" providerId="ADAL" clId="{DF643A51-0D77-4B0F-8B72-970EFD7718EC}" dt="2024-12-23T04:30:58.229" v="1138" actId="1076"/>
          <ac:spMkLst>
            <pc:docMk/>
            <pc:sldMk cId="0" sldId="262"/>
            <ac:spMk id="35" creationId="{00000000-0000-0000-0000-000000000000}"/>
          </ac:spMkLst>
        </pc:spChg>
        <pc:spChg chg="add mod">
          <ac:chgData name="Abe,YutakaTKZIM" userId="4ea0f8c6-cb00-4a5a-9642-b208e11f484d" providerId="ADAL" clId="{DF643A51-0D77-4B0F-8B72-970EFD7718EC}" dt="2024-12-23T04:32:41.238" v="1303" actId="1038"/>
          <ac:spMkLst>
            <pc:docMk/>
            <pc:sldMk cId="0" sldId="262"/>
            <ac:spMk id="37" creationId="{17F7C46F-ADAB-F331-38F8-864216A5C932}"/>
          </ac:spMkLst>
        </pc:spChg>
        <pc:spChg chg="add del">
          <ac:chgData name="Abe,YutakaTKZIM" userId="4ea0f8c6-cb00-4a5a-9642-b208e11f484d" providerId="ADAL" clId="{DF643A51-0D77-4B0F-8B72-970EFD7718EC}" dt="2024-12-23T04:31:16.180" v="1142" actId="22"/>
          <ac:spMkLst>
            <pc:docMk/>
            <pc:sldMk cId="0" sldId="262"/>
            <ac:spMk id="39" creationId="{3D3C96C0-FD8C-EBE6-0C0B-6F0F8D06CE90}"/>
          </ac:spMkLst>
        </pc:spChg>
        <pc:spChg chg="add del mod">
          <ac:chgData name="Abe,YutakaTKZIM" userId="4ea0f8c6-cb00-4a5a-9642-b208e11f484d" providerId="ADAL" clId="{DF643A51-0D77-4B0F-8B72-970EFD7718EC}" dt="2024-12-23T04:31:40.694" v="1171" actId="478"/>
          <ac:spMkLst>
            <pc:docMk/>
            <pc:sldMk cId="0" sldId="262"/>
            <ac:spMk id="41" creationId="{040DECCF-FF20-5872-27DF-DB9EADD6030F}"/>
          </ac:spMkLst>
        </pc:spChg>
        <pc:spChg chg="add mod">
          <ac:chgData name="Abe,YutakaTKZIM" userId="4ea0f8c6-cb00-4a5a-9642-b208e11f484d" providerId="ADAL" clId="{DF643A51-0D77-4B0F-8B72-970EFD7718EC}" dt="2024-12-23T04:32:20.051" v="1268" actId="404"/>
          <ac:spMkLst>
            <pc:docMk/>
            <pc:sldMk cId="0" sldId="262"/>
            <ac:spMk id="42" creationId="{EFACBC12-83E0-1190-3840-09107D49A094}"/>
          </ac:spMkLst>
        </pc:spChg>
        <pc:grpChg chg="mod">
          <ac:chgData name="Abe,YutakaTKZIM" userId="4ea0f8c6-cb00-4a5a-9642-b208e11f484d" providerId="ADAL" clId="{DF643A51-0D77-4B0F-8B72-970EFD7718EC}" dt="2024-12-23T04:32:41.238" v="1303" actId="1038"/>
          <ac:grpSpMkLst>
            <pc:docMk/>
            <pc:sldMk cId="0" sldId="262"/>
            <ac:grpSpMk id="9" creationId="{00000000-0000-0000-0000-000000000000}"/>
          </ac:grpSpMkLst>
        </pc:grpChg>
        <pc:grpChg chg="mod">
          <ac:chgData name="Abe,YutakaTKZIM" userId="4ea0f8c6-cb00-4a5a-9642-b208e11f484d" providerId="ADAL" clId="{DF643A51-0D77-4B0F-8B72-970EFD7718EC}" dt="2024-12-23T04:32:41.238" v="1303" actId="1038"/>
          <ac:grpSpMkLst>
            <pc:docMk/>
            <pc:sldMk cId="0" sldId="262"/>
            <ac:grpSpMk id="16" creationId="{00000000-0000-0000-0000-000000000000}"/>
          </ac:grpSpMkLst>
        </pc:grpChg>
        <pc:picChg chg="mod">
          <ac:chgData name="Abe,YutakaTKZIM" userId="4ea0f8c6-cb00-4a5a-9642-b208e11f484d" providerId="ADAL" clId="{DF643A51-0D77-4B0F-8B72-970EFD7718EC}" dt="2024-12-23T04:32:41.238" v="1303" actId="1038"/>
          <ac:picMkLst>
            <pc:docMk/>
            <pc:sldMk cId="0" sldId="262"/>
            <ac:picMk id="6" creationId="{00000000-0000-0000-0000-000000000000}"/>
          </ac:picMkLst>
        </pc:picChg>
      </pc:sldChg>
      <pc:sldChg chg="addSp delSp modSp add mod ord">
        <pc:chgData name="Abe,YutakaTKZIM" userId="4ea0f8c6-cb00-4a5a-9642-b208e11f484d" providerId="ADAL" clId="{DF643A51-0D77-4B0F-8B72-970EFD7718EC}" dt="2025-01-05T22:33:52.139" v="4039" actId="20577"/>
        <pc:sldMkLst>
          <pc:docMk/>
          <pc:sldMk cId="0" sldId="263"/>
        </pc:sldMkLst>
        <pc:spChg chg="del mod">
          <ac:chgData name="Abe,YutakaTKZIM" userId="4ea0f8c6-cb00-4a5a-9642-b208e11f484d" providerId="ADAL" clId="{DF643A51-0D77-4B0F-8B72-970EFD7718EC}" dt="2024-12-23T04:08:54.641" v="635" actId="478"/>
          <ac:spMkLst>
            <pc:docMk/>
            <pc:sldMk cId="0" sldId="263"/>
            <ac:spMk id="2" creationId="{00000000-0000-0000-0000-000000000000}"/>
          </ac:spMkLst>
        </pc:spChg>
        <pc:spChg chg="del mod">
          <ac:chgData name="Abe,YutakaTKZIM" userId="4ea0f8c6-cb00-4a5a-9642-b208e11f484d" providerId="ADAL" clId="{DF643A51-0D77-4B0F-8B72-970EFD7718EC}" dt="2024-12-23T04:14:50.538" v="677" actId="478"/>
          <ac:spMkLst>
            <pc:docMk/>
            <pc:sldMk cId="0" sldId="263"/>
            <ac:spMk id="3" creationId="{00000000-0000-0000-0000-000000000000}"/>
          </ac:spMkLst>
        </pc:spChg>
        <pc:spChg chg="mod">
          <ac:chgData name="Abe,YutakaTKZIM" userId="4ea0f8c6-cb00-4a5a-9642-b208e11f484d" providerId="ADAL" clId="{DF643A51-0D77-4B0F-8B72-970EFD7718EC}" dt="2024-12-23T04:17:13.318" v="719" actId="6549"/>
          <ac:spMkLst>
            <pc:docMk/>
            <pc:sldMk cId="0" sldId="263"/>
            <ac:spMk id="4" creationId="{00000000-0000-0000-0000-000000000000}"/>
          </ac:spMkLst>
        </pc:spChg>
        <pc:spChg chg="mod">
          <ac:chgData name="Abe,YutakaTKZIM" userId="4ea0f8c6-cb00-4a5a-9642-b208e11f484d" providerId="ADAL" clId="{DF643A51-0D77-4B0F-8B72-970EFD7718EC}" dt="2024-12-23T04:18:42.041" v="738" actId="688"/>
          <ac:spMkLst>
            <pc:docMk/>
            <pc:sldMk cId="0" sldId="263"/>
            <ac:spMk id="9" creationId="{00000000-0000-0000-0000-000000000000}"/>
          </ac:spMkLst>
        </pc:spChg>
        <pc:spChg chg="mod">
          <ac:chgData name="Abe,YutakaTKZIM" userId="4ea0f8c6-cb00-4a5a-9642-b208e11f484d" providerId="ADAL" clId="{DF643A51-0D77-4B0F-8B72-970EFD7718EC}" dt="2024-12-23T04:17:30.575" v="730" actId="20577"/>
          <ac:spMkLst>
            <pc:docMk/>
            <pc:sldMk cId="0" sldId="263"/>
            <ac:spMk id="14" creationId="{00000000-0000-0000-0000-000000000000}"/>
          </ac:spMkLst>
        </pc:spChg>
        <pc:spChg chg="del">
          <ac:chgData name="Abe,YutakaTKZIM" userId="4ea0f8c6-cb00-4a5a-9642-b208e11f484d" providerId="ADAL" clId="{DF643A51-0D77-4B0F-8B72-970EFD7718EC}" dt="2024-12-23T04:08:34.162" v="631" actId="478"/>
          <ac:spMkLst>
            <pc:docMk/>
            <pc:sldMk cId="0" sldId="263"/>
            <ac:spMk id="27" creationId="{00000000-0000-0000-0000-000000000000}"/>
          </ac:spMkLst>
        </pc:spChg>
        <pc:spChg chg="del">
          <ac:chgData name="Abe,YutakaTKZIM" userId="4ea0f8c6-cb00-4a5a-9642-b208e11f484d" providerId="ADAL" clId="{DF643A51-0D77-4B0F-8B72-970EFD7718EC}" dt="2024-12-23T04:08:43.919" v="632" actId="478"/>
          <ac:spMkLst>
            <pc:docMk/>
            <pc:sldMk cId="0" sldId="263"/>
            <ac:spMk id="28" creationId="{00000000-0000-0000-0000-000000000000}"/>
          </ac:spMkLst>
        </pc:spChg>
        <pc:spChg chg="add del mod">
          <ac:chgData name="Abe,YutakaTKZIM" userId="4ea0f8c6-cb00-4a5a-9642-b208e11f484d" providerId="ADAL" clId="{DF643A51-0D77-4B0F-8B72-970EFD7718EC}" dt="2024-12-23T04:14:53.145" v="678" actId="478"/>
          <ac:spMkLst>
            <pc:docMk/>
            <pc:sldMk cId="0" sldId="263"/>
            <ac:spMk id="30" creationId="{54C31672-BF7E-406E-812D-D77BE34A2E61}"/>
          </ac:spMkLst>
        </pc:spChg>
        <pc:spChg chg="add mod">
          <ac:chgData name="Abe,YutakaTKZIM" userId="4ea0f8c6-cb00-4a5a-9642-b208e11f484d" providerId="ADAL" clId="{DF643A51-0D77-4B0F-8B72-970EFD7718EC}" dt="2025-01-05T22:33:52.139" v="4039" actId="20577"/>
          <ac:spMkLst>
            <pc:docMk/>
            <pc:sldMk cId="0" sldId="263"/>
            <ac:spMk id="31" creationId="{5375FA62-4FE4-A286-FAD9-06FDD6EAB6DF}"/>
          </ac:spMkLst>
        </pc:spChg>
        <pc:grpChg chg="mod">
          <ac:chgData name="Abe,YutakaTKZIM" userId="4ea0f8c6-cb00-4a5a-9642-b208e11f484d" providerId="ADAL" clId="{DF643A51-0D77-4B0F-8B72-970EFD7718EC}" dt="2024-12-23T04:15:11.345" v="699" actId="1076"/>
          <ac:grpSpMkLst>
            <pc:docMk/>
            <pc:sldMk cId="0" sldId="263"/>
            <ac:grpSpMk id="5" creationId="{00000000-0000-0000-0000-000000000000}"/>
          </ac:grpSpMkLst>
        </pc:grpChg>
        <pc:picChg chg="mod">
          <ac:chgData name="Abe,YutakaTKZIM" userId="4ea0f8c6-cb00-4a5a-9642-b208e11f484d" providerId="ADAL" clId="{DF643A51-0D77-4B0F-8B72-970EFD7718EC}" dt="2024-12-23T04:18:33.695" v="736" actId="1076"/>
          <ac:picMkLst>
            <pc:docMk/>
            <pc:sldMk cId="0" sldId="263"/>
            <ac:picMk id="11" creationId="{00000000-0000-0000-0000-000000000000}"/>
          </ac:picMkLst>
        </pc:picChg>
        <pc:picChg chg="mod">
          <ac:chgData name="Abe,YutakaTKZIM" userId="4ea0f8c6-cb00-4a5a-9642-b208e11f484d" providerId="ADAL" clId="{DF643A51-0D77-4B0F-8B72-970EFD7718EC}" dt="2024-12-23T04:18:36.391" v="737" actId="1076"/>
          <ac:picMkLst>
            <pc:docMk/>
            <pc:sldMk cId="0" sldId="263"/>
            <ac:picMk id="12" creationId="{00000000-0000-0000-0000-000000000000}"/>
          </ac:picMkLst>
        </pc:picChg>
        <pc:picChg chg="mod">
          <ac:chgData name="Abe,YutakaTKZIM" userId="4ea0f8c6-cb00-4a5a-9642-b208e11f484d" providerId="ADAL" clId="{DF643A51-0D77-4B0F-8B72-970EFD7718EC}" dt="2024-12-23T04:15:57.622" v="707" actId="1076"/>
          <ac:picMkLst>
            <pc:docMk/>
            <pc:sldMk cId="0" sldId="263"/>
            <ac:picMk id="13" creationId="{00000000-0000-0000-0000-000000000000}"/>
          </ac:picMkLst>
        </pc:picChg>
        <pc:picChg chg="add mod">
          <ac:chgData name="Abe,YutakaTKZIM" userId="4ea0f8c6-cb00-4a5a-9642-b208e11f484d" providerId="ADAL" clId="{DF643A51-0D77-4B0F-8B72-970EFD7718EC}" dt="2024-12-23T04:17:34.017" v="731" actId="1076"/>
          <ac:picMkLst>
            <pc:docMk/>
            <pc:sldMk cId="0" sldId="263"/>
            <ac:picMk id="32" creationId="{C2100AD7-1B80-D746-95E9-4B5733584870}"/>
          </ac:picMkLst>
        </pc:picChg>
        <pc:picChg chg="add mod">
          <ac:chgData name="Abe,YutakaTKZIM" userId="4ea0f8c6-cb00-4a5a-9642-b208e11f484d" providerId="ADAL" clId="{DF643A51-0D77-4B0F-8B72-970EFD7718EC}" dt="2024-12-23T04:18:23.179" v="735" actId="14100"/>
          <ac:picMkLst>
            <pc:docMk/>
            <pc:sldMk cId="0" sldId="263"/>
            <ac:picMk id="33" creationId="{F3E399C6-A146-B96C-963A-C8CDCBC4199F}"/>
          </ac:picMkLst>
        </pc:picChg>
      </pc:sldChg>
      <pc:sldChg chg="addSp delSp modSp add mod">
        <pc:chgData name="Abe,YutakaTKZIM" userId="4ea0f8c6-cb00-4a5a-9642-b208e11f484d" providerId="ADAL" clId="{DF643A51-0D77-4B0F-8B72-970EFD7718EC}" dt="2024-12-23T04:35:35.811" v="1381" actId="20577"/>
        <pc:sldMkLst>
          <pc:docMk/>
          <pc:sldMk cId="0" sldId="264"/>
        </pc:sldMkLst>
        <pc:spChg chg="del mod">
          <ac:chgData name="Abe,YutakaTKZIM" userId="4ea0f8c6-cb00-4a5a-9642-b208e11f484d" providerId="ADAL" clId="{DF643A51-0D77-4B0F-8B72-970EFD7718EC}" dt="2024-12-23T04:12:11.729" v="652" actId="478"/>
          <ac:spMkLst>
            <pc:docMk/>
            <pc:sldMk cId="0" sldId="264"/>
            <ac:spMk id="2" creationId="{00000000-0000-0000-0000-000000000000}"/>
          </ac:spMkLst>
        </pc:spChg>
        <pc:spChg chg="mod">
          <ac:chgData name="Abe,YutakaTKZIM" userId="4ea0f8c6-cb00-4a5a-9642-b208e11f484d" providerId="ADAL" clId="{DF643A51-0D77-4B0F-8B72-970EFD7718EC}" dt="2024-12-23T04:14:04.417" v="672" actId="1076"/>
          <ac:spMkLst>
            <pc:docMk/>
            <pc:sldMk cId="0" sldId="264"/>
            <ac:spMk id="4" creationId="{00000000-0000-0000-0000-000000000000}"/>
          </ac:spMkLst>
        </pc:spChg>
        <pc:spChg chg="mod">
          <ac:chgData name="Abe,YutakaTKZIM" userId="4ea0f8c6-cb00-4a5a-9642-b208e11f484d" providerId="ADAL" clId="{DF643A51-0D77-4B0F-8B72-970EFD7718EC}" dt="2024-12-23T04:14:06.775" v="673" actId="1076"/>
          <ac:spMkLst>
            <pc:docMk/>
            <pc:sldMk cId="0" sldId="264"/>
            <ac:spMk id="5" creationId="{00000000-0000-0000-0000-000000000000}"/>
          </ac:spMkLst>
        </pc:spChg>
        <pc:spChg chg="mod">
          <ac:chgData name="Abe,YutakaTKZIM" userId="4ea0f8c6-cb00-4a5a-9642-b208e11f484d" providerId="ADAL" clId="{DF643A51-0D77-4B0F-8B72-970EFD7718EC}" dt="2024-12-23T04:13:27.180" v="670" actId="1582"/>
          <ac:spMkLst>
            <pc:docMk/>
            <pc:sldMk cId="0" sldId="264"/>
            <ac:spMk id="15" creationId="{00000000-0000-0000-0000-000000000000}"/>
          </ac:spMkLst>
        </pc:spChg>
        <pc:spChg chg="mod">
          <ac:chgData name="Abe,YutakaTKZIM" userId="4ea0f8c6-cb00-4a5a-9642-b208e11f484d" providerId="ADAL" clId="{DF643A51-0D77-4B0F-8B72-970EFD7718EC}" dt="2024-12-23T04:13:19.384" v="668" actId="208"/>
          <ac:spMkLst>
            <pc:docMk/>
            <pc:sldMk cId="0" sldId="264"/>
            <ac:spMk id="16" creationId="{00000000-0000-0000-0000-000000000000}"/>
          </ac:spMkLst>
        </pc:spChg>
        <pc:spChg chg="mod">
          <ac:chgData name="Abe,YutakaTKZIM" userId="4ea0f8c6-cb00-4a5a-9642-b208e11f484d" providerId="ADAL" clId="{DF643A51-0D77-4B0F-8B72-970EFD7718EC}" dt="2024-12-23T04:14:00.642" v="671" actId="1076"/>
          <ac:spMkLst>
            <pc:docMk/>
            <pc:sldMk cId="0" sldId="264"/>
            <ac:spMk id="20" creationId="{00000000-0000-0000-0000-000000000000}"/>
          </ac:spMkLst>
        </pc:spChg>
        <pc:spChg chg="mod">
          <ac:chgData name="Abe,YutakaTKZIM" userId="4ea0f8c6-cb00-4a5a-9642-b208e11f484d" providerId="ADAL" clId="{DF643A51-0D77-4B0F-8B72-970EFD7718EC}" dt="2024-12-23T04:14:15.921" v="675" actId="164"/>
          <ac:spMkLst>
            <pc:docMk/>
            <pc:sldMk cId="0" sldId="264"/>
            <ac:spMk id="26" creationId="{00000000-0000-0000-0000-000000000000}"/>
          </ac:spMkLst>
        </pc:spChg>
        <pc:spChg chg="mod">
          <ac:chgData name="Abe,YutakaTKZIM" userId="4ea0f8c6-cb00-4a5a-9642-b208e11f484d" providerId="ADAL" clId="{DF643A51-0D77-4B0F-8B72-970EFD7718EC}" dt="2024-12-23T04:35:35.811" v="1381" actId="20577"/>
          <ac:spMkLst>
            <pc:docMk/>
            <pc:sldMk cId="0" sldId="264"/>
            <ac:spMk id="27" creationId="{00000000-0000-0000-0000-000000000000}"/>
          </ac:spMkLst>
        </pc:spChg>
        <pc:spChg chg="mod">
          <ac:chgData name="Abe,YutakaTKZIM" userId="4ea0f8c6-cb00-4a5a-9642-b208e11f484d" providerId="ADAL" clId="{DF643A51-0D77-4B0F-8B72-970EFD7718EC}" dt="2024-12-23T04:14:36.444" v="676" actId="1076"/>
          <ac:spMkLst>
            <pc:docMk/>
            <pc:sldMk cId="0" sldId="264"/>
            <ac:spMk id="28" creationId="{00000000-0000-0000-0000-000000000000}"/>
          </ac:spMkLst>
        </pc:spChg>
        <pc:spChg chg="mod">
          <ac:chgData name="Abe,YutakaTKZIM" userId="4ea0f8c6-cb00-4a5a-9642-b208e11f484d" providerId="ADAL" clId="{DF643A51-0D77-4B0F-8B72-970EFD7718EC}" dt="2024-12-23T04:09:58.316" v="647" actId="1076"/>
          <ac:spMkLst>
            <pc:docMk/>
            <pc:sldMk cId="0" sldId="264"/>
            <ac:spMk id="29" creationId="{00000000-0000-0000-0000-000000000000}"/>
          </ac:spMkLst>
        </pc:spChg>
        <pc:spChg chg="del">
          <ac:chgData name="Abe,YutakaTKZIM" userId="4ea0f8c6-cb00-4a5a-9642-b208e11f484d" providerId="ADAL" clId="{DF643A51-0D77-4B0F-8B72-970EFD7718EC}" dt="2024-12-23T04:09:28.952" v="642" actId="478"/>
          <ac:spMkLst>
            <pc:docMk/>
            <pc:sldMk cId="0" sldId="264"/>
            <ac:spMk id="42" creationId="{00000000-0000-0000-0000-000000000000}"/>
          </ac:spMkLst>
        </pc:spChg>
        <pc:spChg chg="mod">
          <ac:chgData name="Abe,YutakaTKZIM" userId="4ea0f8c6-cb00-4a5a-9642-b208e11f484d" providerId="ADAL" clId="{DF643A51-0D77-4B0F-8B72-970EFD7718EC}" dt="2024-12-23T04:09:51.590" v="646" actId="1076"/>
          <ac:spMkLst>
            <pc:docMk/>
            <pc:sldMk cId="0" sldId="264"/>
            <ac:spMk id="47" creationId="{00000000-0000-0000-0000-000000000000}"/>
          </ac:spMkLst>
        </pc:spChg>
        <pc:spChg chg="del">
          <ac:chgData name="Abe,YutakaTKZIM" userId="4ea0f8c6-cb00-4a5a-9642-b208e11f484d" providerId="ADAL" clId="{DF643A51-0D77-4B0F-8B72-970EFD7718EC}" dt="2024-12-23T04:09:32.938" v="643" actId="478"/>
          <ac:spMkLst>
            <pc:docMk/>
            <pc:sldMk cId="0" sldId="264"/>
            <ac:spMk id="48" creationId="{00000000-0000-0000-0000-000000000000}"/>
          </ac:spMkLst>
        </pc:spChg>
        <pc:spChg chg="add del mod">
          <ac:chgData name="Abe,YutakaTKZIM" userId="4ea0f8c6-cb00-4a5a-9642-b208e11f484d" providerId="ADAL" clId="{DF643A51-0D77-4B0F-8B72-970EFD7718EC}" dt="2024-12-23T04:12:15.231" v="653" actId="478"/>
          <ac:spMkLst>
            <pc:docMk/>
            <pc:sldMk cId="0" sldId="264"/>
            <ac:spMk id="50" creationId="{4EAEBF98-D952-4297-EAE2-F46470F1ACF3}"/>
          </ac:spMkLst>
        </pc:spChg>
        <pc:spChg chg="add mod">
          <ac:chgData name="Abe,YutakaTKZIM" userId="4ea0f8c6-cb00-4a5a-9642-b208e11f484d" providerId="ADAL" clId="{DF643A51-0D77-4B0F-8B72-970EFD7718EC}" dt="2024-12-23T04:12:21.439" v="665" actId="20577"/>
          <ac:spMkLst>
            <pc:docMk/>
            <pc:sldMk cId="0" sldId="264"/>
            <ac:spMk id="51" creationId="{ECDAD03A-AC0D-06A4-C39E-46F49B2E8099}"/>
          </ac:spMkLst>
        </pc:spChg>
        <pc:grpChg chg="add mod">
          <ac:chgData name="Abe,YutakaTKZIM" userId="4ea0f8c6-cb00-4a5a-9642-b208e11f484d" providerId="ADAL" clId="{DF643A51-0D77-4B0F-8B72-970EFD7718EC}" dt="2024-12-23T04:14:15.921" v="675" actId="164"/>
          <ac:grpSpMkLst>
            <pc:docMk/>
            <pc:sldMk cId="0" sldId="264"/>
            <ac:grpSpMk id="52" creationId="{BE3E9EF4-5461-887F-FF68-5DCCA0833B64}"/>
          </ac:grpSpMkLst>
        </pc:grpChg>
        <pc:picChg chg="mod">
          <ac:chgData name="Abe,YutakaTKZIM" userId="4ea0f8c6-cb00-4a5a-9642-b208e11f484d" providerId="ADAL" clId="{DF643A51-0D77-4B0F-8B72-970EFD7718EC}" dt="2024-12-23T04:14:15.921" v="675" actId="164"/>
          <ac:picMkLst>
            <pc:docMk/>
            <pc:sldMk cId="0" sldId="264"/>
            <ac:picMk id="25" creationId="{00000000-0000-0000-0000-000000000000}"/>
          </ac:picMkLst>
        </pc:picChg>
      </pc:sldChg>
      <pc:sldChg chg="addSp delSp modSp add mod">
        <pc:chgData name="Abe,YutakaTKZIM" userId="4ea0f8c6-cb00-4a5a-9642-b208e11f484d" providerId="ADAL" clId="{DF643A51-0D77-4B0F-8B72-970EFD7718EC}" dt="2024-12-23T04:22:03.631" v="798" actId="14100"/>
        <pc:sldMkLst>
          <pc:docMk/>
          <pc:sldMk cId="0" sldId="265"/>
        </pc:sldMkLst>
        <pc:spChg chg="del">
          <ac:chgData name="Abe,YutakaTKZIM" userId="4ea0f8c6-cb00-4a5a-9642-b208e11f484d" providerId="ADAL" clId="{DF643A51-0D77-4B0F-8B72-970EFD7718EC}" dt="2024-12-23T04:20:09.286" v="775" actId="478"/>
          <ac:spMkLst>
            <pc:docMk/>
            <pc:sldMk cId="0" sldId="265"/>
            <ac:spMk id="2" creationId="{00000000-0000-0000-0000-000000000000}"/>
          </ac:spMkLst>
        </pc:spChg>
        <pc:spChg chg="del mod">
          <ac:chgData name="Abe,YutakaTKZIM" userId="4ea0f8c6-cb00-4a5a-9642-b208e11f484d" providerId="ADAL" clId="{DF643A51-0D77-4B0F-8B72-970EFD7718EC}" dt="2024-12-23T04:19:10.488" v="741" actId="478"/>
          <ac:spMkLst>
            <pc:docMk/>
            <pc:sldMk cId="0" sldId="265"/>
            <ac:spMk id="3" creationId="{00000000-0000-0000-0000-000000000000}"/>
          </ac:spMkLst>
        </pc:spChg>
        <pc:spChg chg="mod">
          <ac:chgData name="Abe,YutakaTKZIM" userId="4ea0f8c6-cb00-4a5a-9642-b208e11f484d" providerId="ADAL" clId="{DF643A51-0D77-4B0F-8B72-970EFD7718EC}" dt="2024-12-23T04:21:09.699" v="783" actId="1036"/>
          <ac:spMkLst>
            <pc:docMk/>
            <pc:sldMk cId="0" sldId="265"/>
            <ac:spMk id="12" creationId="{00000000-0000-0000-0000-000000000000}"/>
          </ac:spMkLst>
        </pc:spChg>
        <pc:spChg chg="mod">
          <ac:chgData name="Abe,YutakaTKZIM" userId="4ea0f8c6-cb00-4a5a-9642-b208e11f484d" providerId="ADAL" clId="{DF643A51-0D77-4B0F-8B72-970EFD7718EC}" dt="2024-12-23T04:21:04.597" v="780" actId="208"/>
          <ac:spMkLst>
            <pc:docMk/>
            <pc:sldMk cId="0" sldId="265"/>
            <ac:spMk id="13" creationId="{00000000-0000-0000-0000-000000000000}"/>
          </ac:spMkLst>
        </pc:spChg>
        <pc:spChg chg="mod">
          <ac:chgData name="Abe,YutakaTKZIM" userId="4ea0f8c6-cb00-4a5a-9642-b208e11f484d" providerId="ADAL" clId="{DF643A51-0D77-4B0F-8B72-970EFD7718EC}" dt="2024-12-23T04:20:01.019" v="773" actId="1076"/>
          <ac:spMkLst>
            <pc:docMk/>
            <pc:sldMk cId="0" sldId="265"/>
            <ac:spMk id="27" creationId="{00000000-0000-0000-0000-000000000000}"/>
          </ac:spMkLst>
        </pc:spChg>
        <pc:spChg chg="mod">
          <ac:chgData name="Abe,YutakaTKZIM" userId="4ea0f8c6-cb00-4a5a-9642-b208e11f484d" providerId="ADAL" clId="{DF643A51-0D77-4B0F-8B72-970EFD7718EC}" dt="2024-12-23T04:21:35.710" v="787" actId="1076"/>
          <ac:spMkLst>
            <pc:docMk/>
            <pc:sldMk cId="0" sldId="265"/>
            <ac:spMk id="61" creationId="{00000000-0000-0000-0000-000000000000}"/>
          </ac:spMkLst>
        </pc:spChg>
        <pc:spChg chg="del">
          <ac:chgData name="Abe,YutakaTKZIM" userId="4ea0f8c6-cb00-4a5a-9642-b208e11f484d" providerId="ADAL" clId="{DF643A51-0D77-4B0F-8B72-970EFD7718EC}" dt="2024-12-23T04:19:07.839" v="740" actId="478"/>
          <ac:spMkLst>
            <pc:docMk/>
            <pc:sldMk cId="0" sldId="265"/>
            <ac:spMk id="62" creationId="{00000000-0000-0000-0000-000000000000}"/>
          </ac:spMkLst>
        </pc:spChg>
        <pc:spChg chg="add mod">
          <ac:chgData name="Abe,YutakaTKZIM" userId="4ea0f8c6-cb00-4a5a-9642-b208e11f484d" providerId="ADAL" clId="{DF643A51-0D77-4B0F-8B72-970EFD7718EC}" dt="2024-12-23T04:19:28.867" v="765" actId="20577"/>
          <ac:spMkLst>
            <pc:docMk/>
            <pc:sldMk cId="0" sldId="265"/>
            <ac:spMk id="1024" creationId="{A6E7DFD0-BF39-1399-788B-B4B1BA891194}"/>
          </ac:spMkLst>
        </pc:spChg>
        <pc:spChg chg="add mod">
          <ac:chgData name="Abe,YutakaTKZIM" userId="4ea0f8c6-cb00-4a5a-9642-b208e11f484d" providerId="ADAL" clId="{DF643A51-0D77-4B0F-8B72-970EFD7718EC}" dt="2024-12-23T04:22:03.631" v="798" actId="14100"/>
          <ac:spMkLst>
            <pc:docMk/>
            <pc:sldMk cId="0" sldId="265"/>
            <ac:spMk id="1027" creationId="{D43B61AA-1B17-A4C6-8904-0462FFD03676}"/>
          </ac:spMkLst>
        </pc:spChg>
        <pc:grpChg chg="mod">
          <ac:chgData name="Abe,YutakaTKZIM" userId="4ea0f8c6-cb00-4a5a-9642-b208e11f484d" providerId="ADAL" clId="{DF643A51-0D77-4B0F-8B72-970EFD7718EC}" dt="2024-12-23T04:20:18.857" v="777" actId="14100"/>
          <ac:grpSpMkLst>
            <pc:docMk/>
            <pc:sldMk cId="0" sldId="265"/>
            <ac:grpSpMk id="24" creationId="{00000000-0000-0000-0000-000000000000}"/>
          </ac:grpSpMkLst>
        </pc:grpChg>
        <pc:picChg chg="add del">
          <ac:chgData name="Abe,YutakaTKZIM" userId="4ea0f8c6-cb00-4a5a-9642-b208e11f484d" providerId="ADAL" clId="{DF643A51-0D77-4B0F-8B72-970EFD7718EC}" dt="2024-12-23T04:19:14.583" v="743" actId="478"/>
          <ac:picMkLst>
            <pc:docMk/>
            <pc:sldMk cId="0" sldId="265"/>
            <ac:picMk id="1026" creationId="{6ADC35E0-AACD-3E15-BE8B-21AB83E97E21}"/>
          </ac:picMkLst>
        </pc:picChg>
      </pc:sldChg>
      <pc:sldChg chg="addSp delSp modSp add mod">
        <pc:chgData name="Abe,YutakaTKZIM" userId="4ea0f8c6-cb00-4a5a-9642-b208e11f484d" providerId="ADAL" clId="{DF643A51-0D77-4B0F-8B72-970EFD7718EC}" dt="2024-12-23T04:22:56.930" v="813" actId="20577"/>
        <pc:sldMkLst>
          <pc:docMk/>
          <pc:sldMk cId="0" sldId="266"/>
        </pc:sldMkLst>
        <pc:spChg chg="del">
          <ac:chgData name="Abe,YutakaTKZIM" userId="4ea0f8c6-cb00-4a5a-9642-b208e11f484d" providerId="ADAL" clId="{DF643A51-0D77-4B0F-8B72-970EFD7718EC}" dt="2024-12-23T04:22:39.977" v="800" actId="478"/>
          <ac:spMkLst>
            <pc:docMk/>
            <pc:sldMk cId="0" sldId="266"/>
            <ac:spMk id="3" creationId="{00000000-0000-0000-0000-000000000000}"/>
          </ac:spMkLst>
        </pc:spChg>
        <pc:spChg chg="del">
          <ac:chgData name="Abe,YutakaTKZIM" userId="4ea0f8c6-cb00-4a5a-9642-b208e11f484d" providerId="ADAL" clId="{DF643A51-0D77-4B0F-8B72-970EFD7718EC}" dt="2024-12-23T04:22:34.973" v="799" actId="478"/>
          <ac:spMkLst>
            <pc:docMk/>
            <pc:sldMk cId="0" sldId="266"/>
            <ac:spMk id="10" creationId="{00000000-0000-0000-0000-000000000000}"/>
          </ac:spMkLst>
        </pc:spChg>
        <pc:spChg chg="add del mod">
          <ac:chgData name="Abe,YutakaTKZIM" userId="4ea0f8c6-cb00-4a5a-9642-b208e11f484d" providerId="ADAL" clId="{DF643A51-0D77-4B0F-8B72-970EFD7718EC}" dt="2024-12-23T04:22:43.427" v="801" actId="478"/>
          <ac:spMkLst>
            <pc:docMk/>
            <pc:sldMk cId="0" sldId="266"/>
            <ac:spMk id="12" creationId="{B0306C14-836B-31F6-4967-89E0DC0D869C}"/>
          </ac:spMkLst>
        </pc:spChg>
        <pc:spChg chg="add del">
          <ac:chgData name="Abe,YutakaTKZIM" userId="4ea0f8c6-cb00-4a5a-9642-b208e11f484d" providerId="ADAL" clId="{DF643A51-0D77-4B0F-8B72-970EFD7718EC}" dt="2024-12-23T04:22:46.978" v="803" actId="22"/>
          <ac:spMkLst>
            <pc:docMk/>
            <pc:sldMk cId="0" sldId="266"/>
            <ac:spMk id="14" creationId="{981E52C4-6E11-1083-3D36-9CCCC919EB3B}"/>
          </ac:spMkLst>
        </pc:spChg>
        <pc:spChg chg="add mod">
          <ac:chgData name="Abe,YutakaTKZIM" userId="4ea0f8c6-cb00-4a5a-9642-b208e11f484d" providerId="ADAL" clId="{DF643A51-0D77-4B0F-8B72-970EFD7718EC}" dt="2024-12-23T04:22:56.930" v="813" actId="20577"/>
          <ac:spMkLst>
            <pc:docMk/>
            <pc:sldMk cId="0" sldId="266"/>
            <ac:spMk id="15" creationId="{9847F7A5-23C9-3462-FE2B-CF8373C3CB1E}"/>
          </ac:spMkLst>
        </pc:spChg>
      </pc:sldChg>
      <pc:sldChg chg="addSp delSp modSp add mod">
        <pc:chgData name="Abe,YutakaTKZIM" userId="4ea0f8c6-cb00-4a5a-9642-b208e11f484d" providerId="ADAL" clId="{DF643A51-0D77-4B0F-8B72-970EFD7718EC}" dt="2024-12-23T04:26:17.144" v="869" actId="20577"/>
        <pc:sldMkLst>
          <pc:docMk/>
          <pc:sldMk cId="0" sldId="267"/>
        </pc:sldMkLst>
        <pc:spChg chg="mod">
          <ac:chgData name="Abe,YutakaTKZIM" userId="4ea0f8c6-cb00-4a5a-9642-b208e11f484d" providerId="ADAL" clId="{DF643A51-0D77-4B0F-8B72-970EFD7718EC}" dt="2024-12-23T04:23:48.874" v="826" actId="14100"/>
          <ac:spMkLst>
            <pc:docMk/>
            <pc:sldMk cId="0" sldId="267"/>
            <ac:spMk id="2" creationId="{00000000-0000-0000-0000-000000000000}"/>
          </ac:spMkLst>
        </pc:spChg>
        <pc:spChg chg="mod">
          <ac:chgData name="Abe,YutakaTKZIM" userId="4ea0f8c6-cb00-4a5a-9642-b208e11f484d" providerId="ADAL" clId="{DF643A51-0D77-4B0F-8B72-970EFD7718EC}" dt="2024-12-23T04:24:18.434" v="829" actId="14100"/>
          <ac:spMkLst>
            <pc:docMk/>
            <pc:sldMk cId="0" sldId="267"/>
            <ac:spMk id="5" creationId="{00000000-0000-0000-0000-000000000000}"/>
          </ac:spMkLst>
        </pc:spChg>
        <pc:spChg chg="add del">
          <ac:chgData name="Abe,YutakaTKZIM" userId="4ea0f8c6-cb00-4a5a-9642-b208e11f484d" providerId="ADAL" clId="{DF643A51-0D77-4B0F-8B72-970EFD7718EC}" dt="2024-12-23T04:24:08.466" v="827" actId="478"/>
          <ac:spMkLst>
            <pc:docMk/>
            <pc:sldMk cId="0" sldId="267"/>
            <ac:spMk id="7" creationId="{00000000-0000-0000-0000-000000000000}"/>
          </ac:spMkLst>
        </pc:spChg>
        <pc:spChg chg="add del mod">
          <ac:chgData name="Abe,YutakaTKZIM" userId="4ea0f8c6-cb00-4a5a-9642-b208e11f484d" providerId="ADAL" clId="{DF643A51-0D77-4B0F-8B72-970EFD7718EC}" dt="2024-12-23T04:23:21.046" v="819" actId="478"/>
          <ac:spMkLst>
            <pc:docMk/>
            <pc:sldMk cId="0" sldId="267"/>
            <ac:spMk id="20" creationId="{B59B4C5F-7E70-6DA2-6A41-116619ECBBE1}"/>
          </ac:spMkLst>
        </pc:spChg>
        <pc:spChg chg="add del mod">
          <ac:chgData name="Abe,YutakaTKZIM" userId="4ea0f8c6-cb00-4a5a-9642-b208e11f484d" providerId="ADAL" clId="{DF643A51-0D77-4B0F-8B72-970EFD7718EC}" dt="2024-12-23T04:24:11.391" v="828" actId="478"/>
          <ac:spMkLst>
            <pc:docMk/>
            <pc:sldMk cId="0" sldId="267"/>
            <ac:spMk id="22" creationId="{471A3A41-79E1-02E9-8356-AC530E439221}"/>
          </ac:spMkLst>
        </pc:spChg>
        <pc:spChg chg="add mod">
          <ac:chgData name="Abe,YutakaTKZIM" userId="4ea0f8c6-cb00-4a5a-9642-b208e11f484d" providerId="ADAL" clId="{DF643A51-0D77-4B0F-8B72-970EFD7718EC}" dt="2024-12-23T04:26:17.144" v="869" actId="20577"/>
          <ac:spMkLst>
            <pc:docMk/>
            <pc:sldMk cId="0" sldId="267"/>
            <ac:spMk id="23" creationId="{E2D5D7CA-1E2E-532F-C0FA-E88CDF40FCB7}"/>
          </ac:spMkLst>
        </pc:spChg>
        <pc:graphicFrameChg chg="mod">
          <ac:chgData name="Abe,YutakaTKZIM" userId="4ea0f8c6-cb00-4a5a-9642-b208e11f484d" providerId="ADAL" clId="{DF643A51-0D77-4B0F-8B72-970EFD7718EC}" dt="2024-12-23T04:23:20.024" v="817" actId="1076"/>
          <ac:graphicFrameMkLst>
            <pc:docMk/>
            <pc:sldMk cId="0" sldId="267"/>
            <ac:graphicFrameMk id="14" creationId="{00000000-0000-0000-0000-000000000000}"/>
          </ac:graphicFrameMkLst>
        </pc:graphicFrameChg>
      </pc:sldChg>
      <pc:sldChg chg="addSp delSp modSp add mod">
        <pc:chgData name="Abe,YutakaTKZIM" userId="4ea0f8c6-cb00-4a5a-9642-b208e11f484d" providerId="ADAL" clId="{DF643A51-0D77-4B0F-8B72-970EFD7718EC}" dt="2024-12-23T04:26:41.794" v="905" actId="478"/>
        <pc:sldMkLst>
          <pc:docMk/>
          <pc:sldMk cId="0" sldId="268"/>
        </pc:sldMkLst>
        <pc:spChg chg="del">
          <ac:chgData name="Abe,YutakaTKZIM" userId="4ea0f8c6-cb00-4a5a-9642-b208e11f484d" providerId="ADAL" clId="{DF643A51-0D77-4B0F-8B72-970EFD7718EC}" dt="2024-12-23T04:25:19.533" v="849" actId="478"/>
          <ac:spMkLst>
            <pc:docMk/>
            <pc:sldMk cId="0" sldId="268"/>
            <ac:spMk id="2" creationId="{00000000-0000-0000-0000-000000000000}"/>
          </ac:spMkLst>
        </pc:spChg>
        <pc:spChg chg="del">
          <ac:chgData name="Abe,YutakaTKZIM" userId="4ea0f8c6-cb00-4a5a-9642-b208e11f484d" providerId="ADAL" clId="{DF643A51-0D77-4B0F-8B72-970EFD7718EC}" dt="2024-12-23T04:26:39.811" v="904" actId="478"/>
          <ac:spMkLst>
            <pc:docMk/>
            <pc:sldMk cId="0" sldId="268"/>
            <ac:spMk id="6" creationId="{00000000-0000-0000-0000-000000000000}"/>
          </ac:spMkLst>
        </pc:spChg>
        <pc:spChg chg="add mod">
          <ac:chgData name="Abe,YutakaTKZIM" userId="4ea0f8c6-cb00-4a5a-9642-b208e11f484d" providerId="ADAL" clId="{DF643A51-0D77-4B0F-8B72-970EFD7718EC}" dt="2024-12-23T04:26:34.514" v="903" actId="20577"/>
          <ac:spMkLst>
            <pc:docMk/>
            <pc:sldMk cId="0" sldId="268"/>
            <ac:spMk id="23" creationId="{B897A026-8BE4-EFF6-0FA9-2003E1C6693A}"/>
          </ac:spMkLst>
        </pc:spChg>
        <pc:spChg chg="add del mod">
          <ac:chgData name="Abe,YutakaTKZIM" userId="4ea0f8c6-cb00-4a5a-9642-b208e11f484d" providerId="ADAL" clId="{DF643A51-0D77-4B0F-8B72-970EFD7718EC}" dt="2024-12-23T04:26:41.794" v="905" actId="478"/>
          <ac:spMkLst>
            <pc:docMk/>
            <pc:sldMk cId="0" sldId="268"/>
            <ac:spMk id="25" creationId="{B0CEC640-D0C6-972B-D227-1A5EBC626663}"/>
          </ac:spMkLst>
        </pc:spChg>
      </pc:sldChg>
      <pc:sldChg chg="addSp delSp modSp add mod">
        <pc:chgData name="Abe,YutakaTKZIM" userId="4ea0f8c6-cb00-4a5a-9642-b208e11f484d" providerId="ADAL" clId="{DF643A51-0D77-4B0F-8B72-970EFD7718EC}" dt="2024-12-24T00:15:28.393" v="1446" actId="20577"/>
        <pc:sldMkLst>
          <pc:docMk/>
          <pc:sldMk cId="0" sldId="269"/>
        </pc:sldMkLst>
        <pc:spChg chg="del">
          <ac:chgData name="Abe,YutakaTKZIM" userId="4ea0f8c6-cb00-4a5a-9642-b208e11f484d" providerId="ADAL" clId="{DF643A51-0D77-4B0F-8B72-970EFD7718EC}" dt="2024-12-23T04:25:31.456" v="852" actId="478"/>
          <ac:spMkLst>
            <pc:docMk/>
            <pc:sldMk cId="0" sldId="269"/>
            <ac:spMk id="4" creationId="{00000000-0000-0000-0000-000000000000}"/>
          </ac:spMkLst>
        </pc:spChg>
        <pc:spChg chg="add del">
          <ac:chgData name="Abe,YutakaTKZIM" userId="4ea0f8c6-cb00-4a5a-9642-b208e11f484d" providerId="ADAL" clId="{DF643A51-0D77-4B0F-8B72-970EFD7718EC}" dt="2024-12-23T04:25:26.663" v="851" actId="478"/>
          <ac:spMkLst>
            <pc:docMk/>
            <pc:sldMk cId="0" sldId="269"/>
            <ac:spMk id="5" creationId="{00000000-0000-0000-0000-000000000000}"/>
          </ac:spMkLst>
        </pc:spChg>
        <pc:spChg chg="mod">
          <ac:chgData name="Abe,YutakaTKZIM" userId="4ea0f8c6-cb00-4a5a-9642-b208e11f484d" providerId="ADAL" clId="{DF643A51-0D77-4B0F-8B72-970EFD7718EC}" dt="2024-12-23T04:25:59.782" v="858" actId="14100"/>
          <ac:spMkLst>
            <pc:docMk/>
            <pc:sldMk cId="0" sldId="269"/>
            <ac:spMk id="8" creationId="{00000000-0000-0000-0000-000000000000}"/>
          </ac:spMkLst>
        </pc:spChg>
        <pc:spChg chg="mod">
          <ac:chgData name="Abe,YutakaTKZIM" userId="4ea0f8c6-cb00-4a5a-9642-b208e11f484d" providerId="ADAL" clId="{DF643A51-0D77-4B0F-8B72-970EFD7718EC}" dt="2024-12-24T00:15:28.393" v="1446" actId="20577"/>
          <ac:spMkLst>
            <pc:docMk/>
            <pc:sldMk cId="0" sldId="269"/>
            <ac:spMk id="9" creationId="{00000000-0000-0000-0000-000000000000}"/>
          </ac:spMkLst>
        </pc:spChg>
        <pc:spChg chg="mod">
          <ac:chgData name="Abe,YutakaTKZIM" userId="4ea0f8c6-cb00-4a5a-9642-b208e11f484d" providerId="ADAL" clId="{DF643A51-0D77-4B0F-8B72-970EFD7718EC}" dt="2024-12-24T00:15:13.173" v="1439" actId="14100"/>
          <ac:spMkLst>
            <pc:docMk/>
            <pc:sldMk cId="0" sldId="269"/>
            <ac:spMk id="10" creationId="{00000000-0000-0000-0000-000000000000}"/>
          </ac:spMkLst>
        </pc:spChg>
        <pc:spChg chg="add del mod">
          <ac:chgData name="Abe,YutakaTKZIM" userId="4ea0f8c6-cb00-4a5a-9642-b208e11f484d" providerId="ADAL" clId="{DF643A51-0D77-4B0F-8B72-970EFD7718EC}" dt="2024-12-23T04:25:34.912" v="853" actId="478"/>
          <ac:spMkLst>
            <pc:docMk/>
            <pc:sldMk cId="0" sldId="269"/>
            <ac:spMk id="15" creationId="{FD506D8E-722C-812C-12D9-EB03AC46130E}"/>
          </ac:spMkLst>
        </pc:spChg>
        <pc:spChg chg="add mod">
          <ac:chgData name="Abe,YutakaTKZIM" userId="4ea0f8c6-cb00-4a5a-9642-b208e11f484d" providerId="ADAL" clId="{DF643A51-0D77-4B0F-8B72-970EFD7718EC}" dt="2024-12-23T04:26:52.543" v="934" actId="20577"/>
          <ac:spMkLst>
            <pc:docMk/>
            <pc:sldMk cId="0" sldId="269"/>
            <ac:spMk id="16" creationId="{66895B86-FE57-C753-0A9E-3F923AF23135}"/>
          </ac:spMkLst>
        </pc:spChg>
      </pc:sldChg>
      <pc:sldChg chg="addSp delSp modSp add mod">
        <pc:chgData name="Abe,YutakaTKZIM" userId="4ea0f8c6-cb00-4a5a-9642-b208e11f484d" providerId="ADAL" clId="{DF643A51-0D77-4B0F-8B72-970EFD7718EC}" dt="2024-12-23T04:28:04.071" v="1031" actId="20577"/>
        <pc:sldMkLst>
          <pc:docMk/>
          <pc:sldMk cId="0" sldId="270"/>
        </pc:sldMkLst>
        <pc:spChg chg="del">
          <ac:chgData name="Abe,YutakaTKZIM" userId="4ea0f8c6-cb00-4a5a-9642-b208e11f484d" providerId="ADAL" clId="{DF643A51-0D77-4B0F-8B72-970EFD7718EC}" dt="2024-12-23T04:27:33.124" v="1022" actId="478"/>
          <ac:spMkLst>
            <pc:docMk/>
            <pc:sldMk cId="0" sldId="270"/>
            <ac:spMk id="2" creationId="{00000000-0000-0000-0000-000000000000}"/>
          </ac:spMkLst>
        </pc:spChg>
        <pc:spChg chg="del">
          <ac:chgData name="Abe,YutakaTKZIM" userId="4ea0f8c6-cb00-4a5a-9642-b208e11f484d" providerId="ADAL" clId="{DF643A51-0D77-4B0F-8B72-970EFD7718EC}" dt="2024-12-23T04:26:58.107" v="935" actId="478"/>
          <ac:spMkLst>
            <pc:docMk/>
            <pc:sldMk cId="0" sldId="270"/>
            <ac:spMk id="8" creationId="{00000000-0000-0000-0000-000000000000}"/>
          </ac:spMkLst>
        </pc:spChg>
        <pc:spChg chg="mod">
          <ac:chgData name="Abe,YutakaTKZIM" userId="4ea0f8c6-cb00-4a5a-9642-b208e11f484d" providerId="ADAL" clId="{DF643A51-0D77-4B0F-8B72-970EFD7718EC}" dt="2024-12-23T04:27:43.050" v="1024" actId="14100"/>
          <ac:spMkLst>
            <pc:docMk/>
            <pc:sldMk cId="0" sldId="270"/>
            <ac:spMk id="10" creationId="{00000000-0000-0000-0000-000000000000}"/>
          </ac:spMkLst>
        </pc:spChg>
        <pc:spChg chg="mod">
          <ac:chgData name="Abe,YutakaTKZIM" userId="4ea0f8c6-cb00-4a5a-9642-b208e11f484d" providerId="ADAL" clId="{DF643A51-0D77-4B0F-8B72-970EFD7718EC}" dt="2024-12-23T04:27:53.745" v="1028" actId="20577"/>
          <ac:spMkLst>
            <pc:docMk/>
            <pc:sldMk cId="0" sldId="270"/>
            <ac:spMk id="11" creationId="{00000000-0000-0000-0000-000000000000}"/>
          </ac:spMkLst>
        </pc:spChg>
        <pc:spChg chg="add del mod">
          <ac:chgData name="Abe,YutakaTKZIM" userId="4ea0f8c6-cb00-4a5a-9642-b208e11f484d" providerId="ADAL" clId="{DF643A51-0D77-4B0F-8B72-970EFD7718EC}" dt="2024-12-23T04:26:59.335" v="936" actId="478"/>
          <ac:spMkLst>
            <pc:docMk/>
            <pc:sldMk cId="0" sldId="270"/>
            <ac:spMk id="38" creationId="{ACC20203-2951-68CA-DD8A-1C29E445A034}"/>
          </ac:spMkLst>
        </pc:spChg>
        <pc:spChg chg="add mod">
          <ac:chgData name="Abe,YutakaTKZIM" userId="4ea0f8c6-cb00-4a5a-9642-b208e11f484d" providerId="ADAL" clId="{DF643A51-0D77-4B0F-8B72-970EFD7718EC}" dt="2024-12-23T04:28:04.071" v="1031" actId="20577"/>
          <ac:spMkLst>
            <pc:docMk/>
            <pc:sldMk cId="0" sldId="270"/>
            <ac:spMk id="39" creationId="{2BC23796-7B34-6644-42D8-C36C70F9F8A9}"/>
          </ac:spMkLst>
        </pc:spChg>
      </pc:sldChg>
      <pc:sldChg chg="addSp delSp modSp add mod">
        <pc:chgData name="Abe,YutakaTKZIM" userId="4ea0f8c6-cb00-4a5a-9642-b208e11f484d" providerId="ADAL" clId="{DF643A51-0D77-4B0F-8B72-970EFD7718EC}" dt="2024-12-23T04:28:26.534" v="1037" actId="478"/>
        <pc:sldMkLst>
          <pc:docMk/>
          <pc:sldMk cId="0" sldId="271"/>
        </pc:sldMkLst>
        <pc:spChg chg="del">
          <ac:chgData name="Abe,YutakaTKZIM" userId="4ea0f8c6-cb00-4a5a-9642-b208e11f484d" providerId="ADAL" clId="{DF643A51-0D77-4B0F-8B72-970EFD7718EC}" dt="2024-12-23T04:28:26.534" v="1037" actId="478"/>
          <ac:spMkLst>
            <pc:docMk/>
            <pc:sldMk cId="0" sldId="271"/>
            <ac:spMk id="2" creationId="{00000000-0000-0000-0000-000000000000}"/>
          </ac:spMkLst>
        </pc:spChg>
        <pc:spChg chg="mod">
          <ac:chgData name="Abe,YutakaTKZIM" userId="4ea0f8c6-cb00-4a5a-9642-b208e11f484d" providerId="ADAL" clId="{DF643A51-0D77-4B0F-8B72-970EFD7718EC}" dt="2024-12-23T04:28:19.538" v="1034" actId="1076"/>
          <ac:spMkLst>
            <pc:docMk/>
            <pc:sldMk cId="0" sldId="271"/>
            <ac:spMk id="3" creationId="{00000000-0000-0000-0000-000000000000}"/>
          </ac:spMkLst>
        </pc:spChg>
        <pc:spChg chg="mod">
          <ac:chgData name="Abe,YutakaTKZIM" userId="4ea0f8c6-cb00-4a5a-9642-b208e11f484d" providerId="ADAL" clId="{DF643A51-0D77-4B0F-8B72-970EFD7718EC}" dt="2024-12-23T04:28:21.865" v="1035" actId="1076"/>
          <ac:spMkLst>
            <pc:docMk/>
            <pc:sldMk cId="0" sldId="271"/>
            <ac:spMk id="5" creationId="{00000000-0000-0000-0000-000000000000}"/>
          </ac:spMkLst>
        </pc:spChg>
        <pc:spChg chg="del">
          <ac:chgData name="Abe,YutakaTKZIM" userId="4ea0f8c6-cb00-4a5a-9642-b208e11f484d" providerId="ADAL" clId="{DF643A51-0D77-4B0F-8B72-970EFD7718EC}" dt="2024-12-23T04:28:13.832" v="1032" actId="478"/>
          <ac:spMkLst>
            <pc:docMk/>
            <pc:sldMk cId="0" sldId="271"/>
            <ac:spMk id="6" creationId="{00000000-0000-0000-0000-000000000000}"/>
          </ac:spMkLst>
        </pc:spChg>
        <pc:spChg chg="del">
          <ac:chgData name="Abe,YutakaTKZIM" userId="4ea0f8c6-cb00-4a5a-9642-b208e11f484d" providerId="ADAL" clId="{DF643A51-0D77-4B0F-8B72-970EFD7718EC}" dt="2024-12-23T04:28:23.360" v="1036" actId="478"/>
          <ac:spMkLst>
            <pc:docMk/>
            <pc:sldMk cId="0" sldId="271"/>
            <ac:spMk id="7" creationId="{00000000-0000-0000-0000-000000000000}"/>
          </ac:spMkLst>
        </pc:spChg>
        <pc:spChg chg="add del mod">
          <ac:chgData name="Abe,YutakaTKZIM" userId="4ea0f8c6-cb00-4a5a-9642-b208e11f484d" providerId="ADAL" clId="{DF643A51-0D77-4B0F-8B72-970EFD7718EC}" dt="2024-12-23T04:28:15.561" v="1033" actId="478"/>
          <ac:spMkLst>
            <pc:docMk/>
            <pc:sldMk cId="0" sldId="271"/>
            <ac:spMk id="9" creationId="{E4535891-4F28-5A29-4736-E8CEEE28F1A2}"/>
          </ac:spMkLst>
        </pc:spChg>
      </pc:sldChg>
      <pc:sldChg chg="addSp delSp modSp add mod">
        <pc:chgData name="Abe,YutakaTKZIM" userId="4ea0f8c6-cb00-4a5a-9642-b208e11f484d" providerId="ADAL" clId="{DF643A51-0D77-4B0F-8B72-970EFD7718EC}" dt="2024-12-23T04:28:49.160" v="1086" actId="20577"/>
        <pc:sldMkLst>
          <pc:docMk/>
          <pc:sldMk cId="0" sldId="272"/>
        </pc:sldMkLst>
        <pc:spChg chg="del">
          <ac:chgData name="Abe,YutakaTKZIM" userId="4ea0f8c6-cb00-4a5a-9642-b208e11f484d" providerId="ADAL" clId="{DF643A51-0D77-4B0F-8B72-970EFD7718EC}" dt="2024-12-23T04:28:31.216" v="1038" actId="478"/>
          <ac:spMkLst>
            <pc:docMk/>
            <pc:sldMk cId="0" sldId="272"/>
            <ac:spMk id="2" creationId="{00000000-0000-0000-0000-000000000000}"/>
          </ac:spMkLst>
        </pc:spChg>
        <pc:spChg chg="del">
          <ac:chgData name="Abe,YutakaTKZIM" userId="4ea0f8c6-cb00-4a5a-9642-b208e11f484d" providerId="ADAL" clId="{DF643A51-0D77-4B0F-8B72-970EFD7718EC}" dt="2024-12-23T04:28:34.162" v="1039" actId="478"/>
          <ac:spMkLst>
            <pc:docMk/>
            <pc:sldMk cId="0" sldId="272"/>
            <ac:spMk id="10" creationId="{00000000-0000-0000-0000-000000000000}"/>
          </ac:spMkLst>
        </pc:spChg>
        <pc:spChg chg="add del mod">
          <ac:chgData name="Abe,YutakaTKZIM" userId="4ea0f8c6-cb00-4a5a-9642-b208e11f484d" providerId="ADAL" clId="{DF643A51-0D77-4B0F-8B72-970EFD7718EC}" dt="2024-12-23T04:28:37.462" v="1040" actId="478"/>
          <ac:spMkLst>
            <pc:docMk/>
            <pc:sldMk cId="0" sldId="272"/>
            <ac:spMk id="12" creationId="{D5B00331-57A1-2E9E-0CDB-679A6F9C229E}"/>
          </ac:spMkLst>
        </pc:spChg>
        <pc:spChg chg="add mod">
          <ac:chgData name="Abe,YutakaTKZIM" userId="4ea0f8c6-cb00-4a5a-9642-b208e11f484d" providerId="ADAL" clId="{DF643A51-0D77-4B0F-8B72-970EFD7718EC}" dt="2024-12-23T04:28:49.160" v="1086" actId="20577"/>
          <ac:spMkLst>
            <pc:docMk/>
            <pc:sldMk cId="0" sldId="272"/>
            <ac:spMk id="13" creationId="{EBE2DD77-0A49-91FF-7D8C-86779E8DC1F5}"/>
          </ac:spMkLst>
        </pc:spChg>
      </pc:sldChg>
      <pc:sldChg chg="addSp delSp modSp mod">
        <pc:chgData name="Abe,YutakaTKZIM" userId="4ea0f8c6-cb00-4a5a-9642-b208e11f484d" providerId="ADAL" clId="{DF643A51-0D77-4B0F-8B72-970EFD7718EC}" dt="2024-12-22T23:43:05.916" v="341"/>
        <pc:sldMkLst>
          <pc:docMk/>
          <pc:sldMk cId="1667787420" sldId="308"/>
        </pc:sldMkLst>
        <pc:spChg chg="mod">
          <ac:chgData name="Abe,YutakaTKZIM" userId="4ea0f8c6-cb00-4a5a-9642-b208e11f484d" providerId="ADAL" clId="{DF643A51-0D77-4B0F-8B72-970EFD7718EC}" dt="2024-12-15T23:29:04.821" v="290" actId="20577"/>
          <ac:spMkLst>
            <pc:docMk/>
            <pc:sldMk cId="1667787420" sldId="308"/>
            <ac:spMk id="5" creationId="{5223E057-5541-7418-5E4C-8D82FA37E6EE}"/>
          </ac:spMkLst>
        </pc:spChg>
        <pc:spChg chg="mod">
          <ac:chgData name="Abe,YutakaTKZIM" userId="4ea0f8c6-cb00-4a5a-9642-b208e11f484d" providerId="ADAL" clId="{DF643A51-0D77-4B0F-8B72-970EFD7718EC}" dt="2024-12-15T23:38:10.389" v="333" actId="207"/>
          <ac:spMkLst>
            <pc:docMk/>
            <pc:sldMk cId="1667787420" sldId="308"/>
            <ac:spMk id="6" creationId="{3227479E-F510-9731-A553-17124AD632D4}"/>
          </ac:spMkLst>
        </pc:spChg>
        <pc:spChg chg="mod">
          <ac:chgData name="Abe,YutakaTKZIM" userId="4ea0f8c6-cb00-4a5a-9642-b208e11f484d" providerId="ADAL" clId="{DF643A51-0D77-4B0F-8B72-970EFD7718EC}" dt="2024-12-22T23:43:05.916" v="341"/>
          <ac:spMkLst>
            <pc:docMk/>
            <pc:sldMk cId="1667787420" sldId="308"/>
            <ac:spMk id="7" creationId="{31277EFB-6D13-FDCB-DA3D-ADE7D6DE8140}"/>
          </ac:spMkLst>
        </pc:spChg>
        <pc:picChg chg="add mod">
          <ac:chgData name="Abe,YutakaTKZIM" userId="4ea0f8c6-cb00-4a5a-9642-b208e11f484d" providerId="ADAL" clId="{DF643A51-0D77-4B0F-8B72-970EFD7718EC}" dt="2024-12-15T23:38:27.462" v="335" actId="1076"/>
          <ac:picMkLst>
            <pc:docMk/>
            <pc:sldMk cId="1667787420" sldId="308"/>
            <ac:picMk id="2" creationId="{FCEB221B-A9B3-727A-6999-63975E088813}"/>
          </ac:picMkLst>
        </pc:picChg>
        <pc:picChg chg="add del mod">
          <ac:chgData name="Abe,YutakaTKZIM" userId="4ea0f8c6-cb00-4a5a-9642-b208e11f484d" providerId="ADAL" clId="{DF643A51-0D77-4B0F-8B72-970EFD7718EC}" dt="2024-12-15T23:31:49.301" v="327" actId="478"/>
          <ac:picMkLst>
            <pc:docMk/>
            <pc:sldMk cId="1667787420" sldId="308"/>
            <ac:picMk id="1026" creationId="{D2B30075-A6E5-FA05-90C7-1A6FBEA07257}"/>
          </ac:picMkLst>
        </pc:picChg>
        <pc:picChg chg="del">
          <ac:chgData name="Abe,YutakaTKZIM" userId="4ea0f8c6-cb00-4a5a-9642-b208e11f484d" providerId="ADAL" clId="{DF643A51-0D77-4B0F-8B72-970EFD7718EC}" dt="2024-12-15T23:28:41.102" v="285" actId="478"/>
          <ac:picMkLst>
            <pc:docMk/>
            <pc:sldMk cId="1667787420" sldId="308"/>
            <ac:picMk id="1028" creationId="{747A4584-659A-D19D-8B33-79383CAA8293}"/>
          </ac:picMkLst>
        </pc:picChg>
      </pc:sldChg>
      <pc:sldChg chg="addSp delSp modSp mod ord">
        <pc:chgData name="Abe,YutakaTKZIM" userId="4ea0f8c6-cb00-4a5a-9642-b208e11f484d" providerId="ADAL" clId="{DF643A51-0D77-4B0F-8B72-970EFD7718EC}" dt="2025-01-05T22:29:29.387" v="4021"/>
        <pc:sldMkLst>
          <pc:docMk/>
          <pc:sldMk cId="175803681" sldId="309"/>
        </pc:sldMkLst>
        <pc:spChg chg="add mod">
          <ac:chgData name="Abe,YutakaTKZIM" userId="4ea0f8c6-cb00-4a5a-9642-b208e11f484d" providerId="ADAL" clId="{DF643A51-0D77-4B0F-8B72-970EFD7718EC}" dt="2024-12-23T01:11:59.030" v="524" actId="20577"/>
          <ac:spMkLst>
            <pc:docMk/>
            <pc:sldMk cId="175803681" sldId="309"/>
            <ac:spMk id="2" creationId="{18FD7A9F-FC0B-281B-3FD4-CAC9CB67C603}"/>
          </ac:spMkLst>
        </pc:spChg>
        <pc:spChg chg="add mod">
          <ac:chgData name="Abe,YutakaTKZIM" userId="4ea0f8c6-cb00-4a5a-9642-b208e11f484d" providerId="ADAL" clId="{DF643A51-0D77-4B0F-8B72-970EFD7718EC}" dt="2024-12-23T01:12:07.714" v="540" actId="1038"/>
          <ac:spMkLst>
            <pc:docMk/>
            <pc:sldMk cId="175803681" sldId="309"/>
            <ac:spMk id="3" creationId="{E6795165-6D92-F383-836A-D4758BE24F42}"/>
          </ac:spMkLst>
        </pc:spChg>
        <pc:spChg chg="add mod">
          <ac:chgData name="Abe,YutakaTKZIM" userId="4ea0f8c6-cb00-4a5a-9642-b208e11f484d" providerId="ADAL" clId="{DF643A51-0D77-4B0F-8B72-970EFD7718EC}" dt="2024-12-23T01:12:07.714" v="540" actId="1038"/>
          <ac:spMkLst>
            <pc:docMk/>
            <pc:sldMk cId="175803681" sldId="309"/>
            <ac:spMk id="4" creationId="{89488EA5-77A5-9C0F-5C98-432E2505E539}"/>
          </ac:spMkLst>
        </pc:spChg>
        <pc:spChg chg="add mod">
          <ac:chgData name="Abe,YutakaTKZIM" userId="4ea0f8c6-cb00-4a5a-9642-b208e11f484d" providerId="ADAL" clId="{DF643A51-0D77-4B0F-8B72-970EFD7718EC}" dt="2024-12-23T01:12:07.714" v="540" actId="1038"/>
          <ac:spMkLst>
            <pc:docMk/>
            <pc:sldMk cId="175803681" sldId="309"/>
            <ac:spMk id="5" creationId="{463F15A2-5E2D-6608-4E42-6D857F6A3297}"/>
          </ac:spMkLst>
        </pc:spChg>
        <pc:spChg chg="add mod">
          <ac:chgData name="Abe,YutakaTKZIM" userId="4ea0f8c6-cb00-4a5a-9642-b208e11f484d" providerId="ADAL" clId="{DF643A51-0D77-4B0F-8B72-970EFD7718EC}" dt="2024-12-23T01:12:07.714" v="540" actId="1038"/>
          <ac:spMkLst>
            <pc:docMk/>
            <pc:sldMk cId="175803681" sldId="309"/>
            <ac:spMk id="6" creationId="{22B2774A-2643-7CBC-A187-6F45E093BFC1}"/>
          </ac:spMkLst>
        </pc:spChg>
        <pc:spChg chg="add mod">
          <ac:chgData name="Abe,YutakaTKZIM" userId="4ea0f8c6-cb00-4a5a-9642-b208e11f484d" providerId="ADAL" clId="{DF643A51-0D77-4B0F-8B72-970EFD7718EC}" dt="2024-12-23T01:12:07.714" v="540" actId="1038"/>
          <ac:spMkLst>
            <pc:docMk/>
            <pc:sldMk cId="175803681" sldId="309"/>
            <ac:spMk id="7" creationId="{FFF1E525-118C-0A6F-4439-D184C44CFC6E}"/>
          </ac:spMkLst>
        </pc:spChg>
        <pc:spChg chg="add mod">
          <ac:chgData name="Abe,YutakaTKZIM" userId="4ea0f8c6-cb00-4a5a-9642-b208e11f484d" providerId="ADAL" clId="{DF643A51-0D77-4B0F-8B72-970EFD7718EC}" dt="2024-12-23T01:15:29.252" v="611" actId="1076"/>
          <ac:spMkLst>
            <pc:docMk/>
            <pc:sldMk cId="175803681" sldId="309"/>
            <ac:spMk id="9" creationId="{23123C84-B7A6-719A-0A3A-063A718159C7}"/>
          </ac:spMkLst>
        </pc:spChg>
        <pc:spChg chg="del">
          <ac:chgData name="Abe,YutakaTKZIM" userId="4ea0f8c6-cb00-4a5a-9642-b208e11f484d" providerId="ADAL" clId="{DF643A51-0D77-4B0F-8B72-970EFD7718EC}" dt="2024-12-01T03:19:54.268" v="75" actId="478"/>
          <ac:spMkLst>
            <pc:docMk/>
            <pc:sldMk cId="175803681" sldId="309"/>
            <ac:spMk id="9" creationId="{E1189D91-C3FA-7F94-44CB-1E9338A73D7F}"/>
          </ac:spMkLst>
        </pc:spChg>
        <pc:picChg chg="add del mod">
          <ac:chgData name="Abe,YutakaTKZIM" userId="4ea0f8c6-cb00-4a5a-9642-b208e11f484d" providerId="ADAL" clId="{DF643A51-0D77-4B0F-8B72-970EFD7718EC}" dt="2024-12-01T03:19:46.350" v="73" actId="478"/>
          <ac:picMkLst>
            <pc:docMk/>
            <pc:sldMk cId="175803681" sldId="309"/>
            <ac:picMk id="4098" creationId="{C886AC53-986D-B8EC-9BE9-3895FF6CC21F}"/>
          </ac:picMkLst>
        </pc:picChg>
        <pc:picChg chg="add del mod">
          <ac:chgData name="Abe,YutakaTKZIM" userId="4ea0f8c6-cb00-4a5a-9642-b208e11f484d" providerId="ADAL" clId="{DF643A51-0D77-4B0F-8B72-970EFD7718EC}" dt="2024-12-02T05:50:55.980" v="91" actId="478"/>
          <ac:picMkLst>
            <pc:docMk/>
            <pc:sldMk cId="175803681" sldId="309"/>
            <ac:picMk id="4100" creationId="{447E773A-8E79-4CBF-65B0-7295ADFDEC04}"/>
          </ac:picMkLst>
        </pc:picChg>
      </pc:sldChg>
      <pc:sldChg chg="add">
        <pc:chgData name="Abe,YutakaTKZIM" userId="4ea0f8c6-cb00-4a5a-9642-b208e11f484d" providerId="ADAL" clId="{DF643A51-0D77-4B0F-8B72-970EFD7718EC}" dt="2024-12-24T23:37:06.212" v="1515"/>
        <pc:sldMkLst>
          <pc:docMk/>
          <pc:sldMk cId="3757829434" sldId="429"/>
        </pc:sldMkLst>
      </pc:sldChg>
      <pc:sldChg chg="add">
        <pc:chgData name="Abe,YutakaTKZIM" userId="4ea0f8c6-cb00-4a5a-9642-b208e11f484d" providerId="ADAL" clId="{DF643A51-0D77-4B0F-8B72-970EFD7718EC}" dt="2024-12-24T23:37:06.212" v="1515"/>
        <pc:sldMkLst>
          <pc:docMk/>
          <pc:sldMk cId="832471122" sldId="453"/>
        </pc:sldMkLst>
      </pc:sldChg>
      <pc:sldChg chg="addSp delSp modSp add mod ord">
        <pc:chgData name="Abe,YutakaTKZIM" userId="4ea0f8c6-cb00-4a5a-9642-b208e11f484d" providerId="ADAL" clId="{DF643A51-0D77-4B0F-8B72-970EFD7718EC}" dt="2024-12-25T04:19:28.606" v="2701"/>
        <pc:sldMkLst>
          <pc:docMk/>
          <pc:sldMk cId="1171478408" sldId="494"/>
        </pc:sldMkLst>
        <pc:spChg chg="del">
          <ac:chgData name="Abe,YutakaTKZIM" userId="4ea0f8c6-cb00-4a5a-9642-b208e11f484d" providerId="ADAL" clId="{DF643A51-0D77-4B0F-8B72-970EFD7718EC}" dt="2024-12-24T23:36:10.627" v="1512" actId="478"/>
          <ac:spMkLst>
            <pc:docMk/>
            <pc:sldMk cId="1171478408" sldId="494"/>
            <ac:spMk id="2" creationId="{00000000-0000-0000-0000-000000000000}"/>
          </ac:spMkLst>
        </pc:spChg>
        <pc:spChg chg="add del mod">
          <ac:chgData name="Abe,YutakaTKZIM" userId="4ea0f8c6-cb00-4a5a-9642-b208e11f484d" providerId="ADAL" clId="{DF643A51-0D77-4B0F-8B72-970EFD7718EC}" dt="2024-12-24T23:36:13.180" v="1513" actId="478"/>
          <ac:spMkLst>
            <pc:docMk/>
            <pc:sldMk cId="1171478408" sldId="494"/>
            <ac:spMk id="4" creationId="{2A55B367-9A38-732F-BA15-73F9EEA44431}"/>
          </ac:spMkLst>
        </pc:spChg>
        <pc:spChg chg="add mod">
          <ac:chgData name="Abe,YutakaTKZIM" userId="4ea0f8c6-cb00-4a5a-9642-b208e11f484d" providerId="ADAL" clId="{DF643A51-0D77-4B0F-8B72-970EFD7718EC}" dt="2024-12-24T23:36:14.919" v="1514"/>
          <ac:spMkLst>
            <pc:docMk/>
            <pc:sldMk cId="1171478408" sldId="494"/>
            <ac:spMk id="5" creationId="{F1253BEF-A00B-4DF9-8212-6CE136F8F8D4}"/>
          </ac:spMkLst>
        </pc:spChg>
      </pc:sldChg>
      <pc:sldChg chg="add">
        <pc:chgData name="Abe,YutakaTKZIM" userId="4ea0f8c6-cb00-4a5a-9642-b208e11f484d" providerId="ADAL" clId="{DF643A51-0D77-4B0F-8B72-970EFD7718EC}" dt="2024-12-25T02:39:54.660" v="2069"/>
        <pc:sldMkLst>
          <pc:docMk/>
          <pc:sldMk cId="2124751171" sldId="702"/>
        </pc:sldMkLst>
      </pc:sldChg>
      <pc:sldChg chg="add">
        <pc:chgData name="Abe,YutakaTKZIM" userId="4ea0f8c6-cb00-4a5a-9642-b208e11f484d" providerId="ADAL" clId="{DF643A51-0D77-4B0F-8B72-970EFD7718EC}" dt="2024-12-25T02:39:54.660" v="2069"/>
        <pc:sldMkLst>
          <pc:docMk/>
          <pc:sldMk cId="1628589614" sldId="705"/>
        </pc:sldMkLst>
      </pc:sldChg>
      <pc:sldChg chg="add">
        <pc:chgData name="Abe,YutakaTKZIM" userId="4ea0f8c6-cb00-4a5a-9642-b208e11f484d" providerId="ADAL" clId="{DF643A51-0D77-4B0F-8B72-970EFD7718EC}" dt="2024-12-24T23:40:46.022" v="1516"/>
        <pc:sldMkLst>
          <pc:docMk/>
          <pc:sldMk cId="2513917443" sldId="785"/>
        </pc:sldMkLst>
      </pc:sldChg>
      <pc:sldChg chg="del">
        <pc:chgData name="Abe,YutakaTKZIM" userId="4ea0f8c6-cb00-4a5a-9642-b208e11f484d" providerId="ADAL" clId="{DF643A51-0D77-4B0F-8B72-970EFD7718EC}" dt="2024-12-22T23:41:58.182" v="339" actId="2696"/>
        <pc:sldMkLst>
          <pc:docMk/>
          <pc:sldMk cId="1453637329" sldId="3020"/>
        </pc:sldMkLst>
      </pc:sldChg>
      <pc:sldChg chg="addSp delSp modSp add mod ord">
        <pc:chgData name="Abe,YutakaTKZIM" userId="4ea0f8c6-cb00-4a5a-9642-b208e11f484d" providerId="ADAL" clId="{DF643A51-0D77-4B0F-8B72-970EFD7718EC}" dt="2024-12-27T00:42:19.855" v="3171" actId="1076"/>
        <pc:sldMkLst>
          <pc:docMk/>
          <pc:sldMk cId="2037097901" sldId="3034"/>
        </pc:sldMkLst>
        <pc:spChg chg="mod">
          <ac:chgData name="Abe,YutakaTKZIM" userId="4ea0f8c6-cb00-4a5a-9642-b208e11f484d" providerId="ADAL" clId="{DF643A51-0D77-4B0F-8B72-970EFD7718EC}" dt="2024-12-27T00:21:50.051" v="2958" actId="20577"/>
          <ac:spMkLst>
            <pc:docMk/>
            <pc:sldMk cId="2037097901" sldId="3034"/>
            <ac:spMk id="2" creationId="{0C470230-E3D0-ADC2-5607-B125D781E920}"/>
          </ac:spMkLst>
        </pc:spChg>
        <pc:spChg chg="add del mod">
          <ac:chgData name="Abe,YutakaTKZIM" userId="4ea0f8c6-cb00-4a5a-9642-b208e11f484d" providerId="ADAL" clId="{DF643A51-0D77-4B0F-8B72-970EFD7718EC}" dt="2024-12-25T05:31:53.402" v="2883" actId="478"/>
          <ac:spMkLst>
            <pc:docMk/>
            <pc:sldMk cId="2037097901" sldId="3034"/>
            <ac:spMk id="3" creationId="{513B0A77-D967-A716-D3AB-8CC181471223}"/>
          </ac:spMkLst>
        </pc:spChg>
        <pc:spChg chg="add mod">
          <ac:chgData name="Abe,YutakaTKZIM" userId="4ea0f8c6-cb00-4a5a-9642-b208e11f484d" providerId="ADAL" clId="{DF643A51-0D77-4B0F-8B72-970EFD7718EC}" dt="2024-12-25T05:32:44.528" v="2926" actId="1076"/>
          <ac:spMkLst>
            <pc:docMk/>
            <pc:sldMk cId="2037097901" sldId="3034"/>
            <ac:spMk id="6" creationId="{2316CBEE-148F-A379-E4F5-A76BDD3A7572}"/>
          </ac:spMkLst>
        </pc:spChg>
        <pc:spChg chg="del">
          <ac:chgData name="Abe,YutakaTKZIM" userId="4ea0f8c6-cb00-4a5a-9642-b208e11f484d" providerId="ADAL" clId="{DF643A51-0D77-4B0F-8B72-970EFD7718EC}" dt="2024-12-25T05:30:31.194" v="2859" actId="478"/>
          <ac:spMkLst>
            <pc:docMk/>
            <pc:sldMk cId="2037097901" sldId="3034"/>
            <ac:spMk id="9" creationId="{D32F4D56-C9EC-5536-BB36-A8978198473E}"/>
          </ac:spMkLst>
        </pc:spChg>
        <pc:spChg chg="mod">
          <ac:chgData name="Abe,YutakaTKZIM" userId="4ea0f8c6-cb00-4a5a-9642-b208e11f484d" providerId="ADAL" clId="{DF643A51-0D77-4B0F-8B72-970EFD7718EC}" dt="2024-12-27T00:36:29.699" v="3017" actId="1076"/>
          <ac:spMkLst>
            <pc:docMk/>
            <pc:sldMk cId="2037097901" sldId="3034"/>
            <ac:spMk id="10" creationId="{9773C66A-8E83-32B3-6EC3-B81D47EDA603}"/>
          </ac:spMkLst>
        </pc:spChg>
        <pc:spChg chg="add del">
          <ac:chgData name="Abe,YutakaTKZIM" userId="4ea0f8c6-cb00-4a5a-9642-b208e11f484d" providerId="ADAL" clId="{DF643A51-0D77-4B0F-8B72-970EFD7718EC}" dt="2024-12-27T00:38:34.815" v="3031" actId="478"/>
          <ac:spMkLst>
            <pc:docMk/>
            <pc:sldMk cId="2037097901" sldId="3034"/>
            <ac:spMk id="44" creationId="{3D06710B-BEF1-EACD-1C51-F3E5FF81DAF7}"/>
          </ac:spMkLst>
        </pc:spChg>
        <pc:spChg chg="add del mod">
          <ac:chgData name="Abe,YutakaTKZIM" userId="4ea0f8c6-cb00-4a5a-9642-b208e11f484d" providerId="ADAL" clId="{DF643A51-0D77-4B0F-8B72-970EFD7718EC}" dt="2024-12-27T00:38:39.132" v="3034"/>
          <ac:spMkLst>
            <pc:docMk/>
            <pc:sldMk cId="2037097901" sldId="3034"/>
            <ac:spMk id="45" creationId="{C25B8279-40FE-4F94-5629-D59F8A8E8B25}"/>
          </ac:spMkLst>
        </pc:spChg>
        <pc:spChg chg="add mod">
          <ac:chgData name="Abe,YutakaTKZIM" userId="4ea0f8c6-cb00-4a5a-9642-b208e11f484d" providerId="ADAL" clId="{DF643A51-0D77-4B0F-8B72-970EFD7718EC}" dt="2024-12-27T00:40:12.699" v="3148" actId="1076"/>
          <ac:spMkLst>
            <pc:docMk/>
            <pc:sldMk cId="2037097901" sldId="3034"/>
            <ac:spMk id="47" creationId="{8E766A24-F73E-EFA5-131F-1BC656B422AE}"/>
          </ac:spMkLst>
        </pc:spChg>
        <pc:spChg chg="add mod">
          <ac:chgData name="Abe,YutakaTKZIM" userId="4ea0f8c6-cb00-4a5a-9642-b208e11f484d" providerId="ADAL" clId="{DF643A51-0D77-4B0F-8B72-970EFD7718EC}" dt="2024-12-27T00:40:25.608" v="3169" actId="20577"/>
          <ac:spMkLst>
            <pc:docMk/>
            <pc:sldMk cId="2037097901" sldId="3034"/>
            <ac:spMk id="48" creationId="{817F3F7A-B6E0-2BC6-37DE-D5AC4D885267}"/>
          </ac:spMkLst>
        </pc:spChg>
        <pc:picChg chg="del">
          <ac:chgData name="Abe,YutakaTKZIM" userId="4ea0f8c6-cb00-4a5a-9642-b208e11f484d" providerId="ADAL" clId="{DF643A51-0D77-4B0F-8B72-970EFD7718EC}" dt="2024-12-27T00:36:21.903" v="3015" actId="478"/>
          <ac:picMkLst>
            <pc:docMk/>
            <pc:sldMk cId="2037097901" sldId="3034"/>
            <ac:picMk id="4" creationId="{244B0EED-308C-9220-FB5E-D56EAE838C6B}"/>
          </ac:picMkLst>
        </pc:picChg>
        <pc:picChg chg="add mod">
          <ac:chgData name="Abe,YutakaTKZIM" userId="4ea0f8c6-cb00-4a5a-9642-b208e11f484d" providerId="ADAL" clId="{DF643A51-0D77-4B0F-8B72-970EFD7718EC}" dt="2024-12-27T00:42:19.855" v="3171" actId="1076"/>
          <ac:picMkLst>
            <pc:docMk/>
            <pc:sldMk cId="2037097901" sldId="3034"/>
            <ac:picMk id="37" creationId="{CCA88CF7-4726-7736-6EE6-5AB9A59B257B}"/>
          </ac:picMkLst>
        </pc:picChg>
      </pc:sldChg>
      <pc:sldChg chg="add">
        <pc:chgData name="Abe,YutakaTKZIM" userId="4ea0f8c6-cb00-4a5a-9642-b208e11f484d" providerId="ADAL" clId="{DF643A51-0D77-4B0F-8B72-970EFD7718EC}" dt="2024-12-22T23:42:32.978" v="340"/>
        <pc:sldMkLst>
          <pc:docMk/>
          <pc:sldMk cId="784437173" sldId="3049"/>
        </pc:sldMkLst>
      </pc:sldChg>
      <pc:sldChg chg="add">
        <pc:chgData name="Abe,YutakaTKZIM" userId="4ea0f8c6-cb00-4a5a-9642-b208e11f484d" providerId="ADAL" clId="{DF643A51-0D77-4B0F-8B72-970EFD7718EC}" dt="2024-12-22T23:42:32.978" v="340"/>
        <pc:sldMkLst>
          <pc:docMk/>
          <pc:sldMk cId="2289056025" sldId="3314"/>
        </pc:sldMkLst>
      </pc:sldChg>
      <pc:sldChg chg="addSp modSp mod">
        <pc:chgData name="Abe,YutakaTKZIM" userId="4ea0f8c6-cb00-4a5a-9642-b208e11f484d" providerId="ADAL" clId="{DF643A51-0D77-4B0F-8B72-970EFD7718EC}" dt="2024-12-27T00:33:39.670" v="3014" actId="20577"/>
        <pc:sldMkLst>
          <pc:docMk/>
          <pc:sldMk cId="1909539757" sldId="3397"/>
        </pc:sldMkLst>
        <pc:spChg chg="add mod">
          <ac:chgData name="Abe,YutakaTKZIM" userId="4ea0f8c6-cb00-4a5a-9642-b208e11f484d" providerId="ADAL" clId="{DF643A51-0D77-4B0F-8B72-970EFD7718EC}" dt="2024-12-27T00:32:26.812" v="2968" actId="14100"/>
          <ac:spMkLst>
            <pc:docMk/>
            <pc:sldMk cId="1909539757" sldId="3397"/>
            <ac:spMk id="5" creationId="{579BC0CD-6DD0-22F8-802B-BDFC94DB9215}"/>
          </ac:spMkLst>
        </pc:spChg>
        <pc:spChg chg="add mod">
          <ac:chgData name="Abe,YutakaTKZIM" userId="4ea0f8c6-cb00-4a5a-9642-b208e11f484d" providerId="ADAL" clId="{DF643A51-0D77-4B0F-8B72-970EFD7718EC}" dt="2024-12-27T00:33:22.556" v="2992" actId="207"/>
          <ac:spMkLst>
            <pc:docMk/>
            <pc:sldMk cId="1909539757" sldId="3397"/>
            <ac:spMk id="7" creationId="{C033EF55-C0A5-009C-68A2-B1B0C331A7D4}"/>
          </ac:spMkLst>
        </pc:spChg>
        <pc:spChg chg="mod">
          <ac:chgData name="Abe,YutakaTKZIM" userId="4ea0f8c6-cb00-4a5a-9642-b208e11f484d" providerId="ADAL" clId="{DF643A51-0D77-4B0F-8B72-970EFD7718EC}" dt="2024-12-27T00:33:39.670" v="3014" actId="20577"/>
          <ac:spMkLst>
            <pc:docMk/>
            <pc:sldMk cId="1909539757" sldId="3397"/>
            <ac:spMk id="8" creationId="{5C3BB4D4-F81C-20CA-97F6-9FA0B56955E9}"/>
          </ac:spMkLst>
        </pc:spChg>
        <pc:picChg chg="add mod">
          <ac:chgData name="Abe,YutakaTKZIM" userId="4ea0f8c6-cb00-4a5a-9642-b208e11f484d" providerId="ADAL" clId="{DF643A51-0D77-4B0F-8B72-970EFD7718EC}" dt="2024-12-27T00:31:41.039" v="2960" actId="1076"/>
          <ac:picMkLst>
            <pc:docMk/>
            <pc:sldMk cId="1909539757" sldId="3397"/>
            <ac:picMk id="3" creationId="{8C17BF12-26EB-4C51-05C1-29253665DA4B}"/>
          </ac:picMkLst>
        </pc:picChg>
      </pc:sldChg>
      <pc:sldChg chg="addSp delSp modSp add mod">
        <pc:chgData name="Abe,YutakaTKZIM" userId="4ea0f8c6-cb00-4a5a-9642-b208e11f484d" providerId="ADAL" clId="{DF643A51-0D77-4B0F-8B72-970EFD7718EC}" dt="2024-12-02T05:52:24.999" v="225" actId="20577"/>
        <pc:sldMkLst>
          <pc:docMk/>
          <pc:sldMk cId="4200863213" sldId="3398"/>
        </pc:sldMkLst>
        <pc:spChg chg="add mod">
          <ac:chgData name="Abe,YutakaTKZIM" userId="4ea0f8c6-cb00-4a5a-9642-b208e11f484d" providerId="ADAL" clId="{DF643A51-0D77-4B0F-8B72-970EFD7718EC}" dt="2024-12-02T05:52:24.999" v="225" actId="20577"/>
          <ac:spMkLst>
            <pc:docMk/>
            <pc:sldMk cId="4200863213" sldId="3398"/>
            <ac:spMk id="2" creationId="{FB08C878-A3A7-37EF-1637-05AC0398AE37}"/>
          </ac:spMkLst>
        </pc:spChg>
        <pc:spChg chg="add mod">
          <ac:chgData name="Abe,YutakaTKZIM" userId="4ea0f8c6-cb00-4a5a-9642-b208e11f484d" providerId="ADAL" clId="{DF643A51-0D77-4B0F-8B72-970EFD7718EC}" dt="2024-12-01T03:12:03.958" v="55" actId="20577"/>
          <ac:spMkLst>
            <pc:docMk/>
            <pc:sldMk cId="4200863213" sldId="3398"/>
            <ac:spMk id="3" creationId="{65C65E2F-8DDE-99A1-A768-6EE4FC2E6370}"/>
          </ac:spMkLst>
        </pc:spChg>
        <pc:spChg chg="del">
          <ac:chgData name="Abe,YutakaTKZIM" userId="4ea0f8c6-cb00-4a5a-9642-b208e11f484d" providerId="ADAL" clId="{DF643A51-0D77-4B0F-8B72-970EFD7718EC}" dt="2024-12-01T03:08:55.184" v="1" actId="478"/>
          <ac:spMkLst>
            <pc:docMk/>
            <pc:sldMk cId="4200863213" sldId="3398"/>
            <ac:spMk id="9" creationId="{E1189D91-C3FA-7F94-44CB-1E9338A73D7F}"/>
          </ac:spMkLst>
        </pc:spChg>
        <pc:picChg chg="add mod">
          <ac:chgData name="Abe,YutakaTKZIM" userId="4ea0f8c6-cb00-4a5a-9642-b208e11f484d" providerId="ADAL" clId="{DF643A51-0D77-4B0F-8B72-970EFD7718EC}" dt="2024-12-01T03:09:41.985" v="10" actId="1076"/>
          <ac:picMkLst>
            <pc:docMk/>
            <pc:sldMk cId="4200863213" sldId="3398"/>
            <ac:picMk id="1026" creationId="{9A475A46-EAE2-A064-A116-5ABBD747E0DB}"/>
          </ac:picMkLst>
        </pc:picChg>
        <pc:picChg chg="add mod">
          <ac:chgData name="Abe,YutakaTKZIM" userId="4ea0f8c6-cb00-4a5a-9642-b208e11f484d" providerId="ADAL" clId="{DF643A51-0D77-4B0F-8B72-970EFD7718EC}" dt="2024-12-01T03:09:39.082" v="9" actId="14100"/>
          <ac:picMkLst>
            <pc:docMk/>
            <pc:sldMk cId="4200863213" sldId="3398"/>
            <ac:picMk id="1028" creationId="{6B0433DE-9D48-9DEE-BFCE-4317864C3FCC}"/>
          </ac:picMkLst>
        </pc:picChg>
      </pc:sldChg>
      <pc:sldChg chg="addSp delSp add mod ord">
        <pc:chgData name="Abe,YutakaTKZIM" userId="4ea0f8c6-cb00-4a5a-9642-b208e11f484d" providerId="ADAL" clId="{DF643A51-0D77-4B0F-8B72-970EFD7718EC}" dt="2024-12-23T04:38:44.397" v="1427"/>
        <pc:sldMkLst>
          <pc:docMk/>
          <pc:sldMk cId="630096645" sldId="3399"/>
        </pc:sldMkLst>
        <pc:spChg chg="del">
          <ac:chgData name="Abe,YutakaTKZIM" userId="4ea0f8c6-cb00-4a5a-9642-b208e11f484d" providerId="ADAL" clId="{DF643A51-0D77-4B0F-8B72-970EFD7718EC}" dt="2024-12-01T03:16:39.463" v="59" actId="478"/>
          <ac:spMkLst>
            <pc:docMk/>
            <pc:sldMk cId="630096645" sldId="3399"/>
            <ac:spMk id="3" creationId="{65C65E2F-8DDE-99A1-A768-6EE4FC2E6370}"/>
          </ac:spMkLst>
        </pc:spChg>
        <pc:picChg chg="del">
          <ac:chgData name="Abe,YutakaTKZIM" userId="4ea0f8c6-cb00-4a5a-9642-b208e11f484d" providerId="ADAL" clId="{DF643A51-0D77-4B0F-8B72-970EFD7718EC}" dt="2024-12-01T03:16:37.847" v="57" actId="478"/>
          <ac:picMkLst>
            <pc:docMk/>
            <pc:sldMk cId="630096645" sldId="3399"/>
            <ac:picMk id="1026" creationId="{9A475A46-EAE2-A064-A116-5ABBD747E0DB}"/>
          </ac:picMkLst>
        </pc:picChg>
        <pc:picChg chg="del">
          <ac:chgData name="Abe,YutakaTKZIM" userId="4ea0f8c6-cb00-4a5a-9642-b208e11f484d" providerId="ADAL" clId="{DF643A51-0D77-4B0F-8B72-970EFD7718EC}" dt="2024-12-01T03:16:38.531" v="58" actId="478"/>
          <ac:picMkLst>
            <pc:docMk/>
            <pc:sldMk cId="630096645" sldId="3399"/>
            <ac:picMk id="1028" creationId="{6B0433DE-9D48-9DEE-BFCE-4317864C3FCC}"/>
          </ac:picMkLst>
        </pc:picChg>
        <pc:picChg chg="add">
          <ac:chgData name="Abe,YutakaTKZIM" userId="4ea0f8c6-cb00-4a5a-9642-b208e11f484d" providerId="ADAL" clId="{DF643A51-0D77-4B0F-8B72-970EFD7718EC}" dt="2024-12-01T03:16:43.941" v="60"/>
          <ac:picMkLst>
            <pc:docMk/>
            <pc:sldMk cId="630096645" sldId="3399"/>
            <ac:picMk id="2050" creationId="{A92D522F-E377-B84E-223F-39AD44C7829B}"/>
          </ac:picMkLst>
        </pc:picChg>
      </pc:sldChg>
      <pc:sldChg chg="addSp delSp modSp add mod ord">
        <pc:chgData name="Abe,YutakaTKZIM" userId="4ea0f8c6-cb00-4a5a-9642-b208e11f484d" providerId="ADAL" clId="{DF643A51-0D77-4B0F-8B72-970EFD7718EC}" dt="2024-12-23T23:53:42.611" v="1437" actId="1076"/>
        <pc:sldMkLst>
          <pc:docMk/>
          <pc:sldMk cId="1111524117" sldId="3400"/>
        </pc:sldMkLst>
        <pc:spChg chg="add mod">
          <ac:chgData name="Abe,YutakaTKZIM" userId="4ea0f8c6-cb00-4a5a-9642-b208e11f484d" providerId="ADAL" clId="{DF643A51-0D77-4B0F-8B72-970EFD7718EC}" dt="2024-12-01T03:18:22.523" v="66" actId="14100"/>
          <ac:spMkLst>
            <pc:docMk/>
            <pc:sldMk cId="1111524117" sldId="3400"/>
            <ac:spMk id="3" creationId="{5976C5B5-17D3-70C0-23DD-820C9BB4D92D}"/>
          </ac:spMkLst>
        </pc:spChg>
        <pc:picChg chg="del">
          <ac:chgData name="Abe,YutakaTKZIM" userId="4ea0f8c6-cb00-4a5a-9642-b208e11f484d" providerId="ADAL" clId="{DF643A51-0D77-4B0F-8B72-970EFD7718EC}" dt="2024-12-01T03:18:06.810" v="62" actId="478"/>
          <ac:picMkLst>
            <pc:docMk/>
            <pc:sldMk cId="1111524117" sldId="3400"/>
            <ac:picMk id="2050" creationId="{A92D522F-E377-B84E-223F-39AD44C7829B}"/>
          </ac:picMkLst>
        </pc:picChg>
        <pc:picChg chg="add mod">
          <ac:chgData name="Abe,YutakaTKZIM" userId="4ea0f8c6-cb00-4a5a-9642-b208e11f484d" providerId="ADAL" clId="{DF643A51-0D77-4B0F-8B72-970EFD7718EC}" dt="2024-12-23T23:53:42.611" v="1437" actId="1076"/>
          <ac:picMkLst>
            <pc:docMk/>
            <pc:sldMk cId="1111524117" sldId="3400"/>
            <ac:picMk id="3074" creationId="{2DC80139-19D3-66CA-EC73-AEBB5B38DE0D}"/>
          </ac:picMkLst>
        </pc:picChg>
      </pc:sldChg>
      <pc:sldChg chg="modSp add mod ord">
        <pc:chgData name="Abe,YutakaTKZIM" userId="4ea0f8c6-cb00-4a5a-9642-b208e11f484d" providerId="ADAL" clId="{DF643A51-0D77-4B0F-8B72-970EFD7718EC}" dt="2024-12-23T23:54:14.107" v="1438" actId="20577"/>
        <pc:sldMkLst>
          <pc:docMk/>
          <pc:sldMk cId="3298888894" sldId="3401"/>
        </pc:sldMkLst>
        <pc:spChg chg="mod">
          <ac:chgData name="Abe,YutakaTKZIM" userId="4ea0f8c6-cb00-4a5a-9642-b208e11f484d" providerId="ADAL" clId="{DF643A51-0D77-4B0F-8B72-970EFD7718EC}" dt="2024-12-23T23:54:14.107" v="1438" actId="20577"/>
          <ac:spMkLst>
            <pc:docMk/>
            <pc:sldMk cId="3298888894" sldId="3401"/>
            <ac:spMk id="9" creationId="{E1189D91-C3FA-7F94-44CB-1E9338A73D7F}"/>
          </ac:spMkLst>
        </pc:spChg>
      </pc:sldChg>
      <pc:sldChg chg="modSp add mod ord">
        <pc:chgData name="Abe,YutakaTKZIM" userId="4ea0f8c6-cb00-4a5a-9642-b208e11f484d" providerId="ADAL" clId="{DF643A51-0D77-4B0F-8B72-970EFD7718EC}" dt="2024-12-24T00:30:29.039" v="1458" actId="207"/>
        <pc:sldMkLst>
          <pc:docMk/>
          <pc:sldMk cId="2070937724" sldId="3402"/>
        </pc:sldMkLst>
        <pc:spChg chg="mod">
          <ac:chgData name="Abe,YutakaTKZIM" userId="4ea0f8c6-cb00-4a5a-9642-b208e11f484d" providerId="ADAL" clId="{DF643A51-0D77-4B0F-8B72-970EFD7718EC}" dt="2024-12-24T00:30:29.039" v="1458" actId="207"/>
          <ac:spMkLst>
            <pc:docMk/>
            <pc:sldMk cId="2070937724" sldId="3402"/>
            <ac:spMk id="2" creationId="{EF768107-D459-991E-A74C-2F2368811DFD}"/>
          </ac:spMkLst>
        </pc:spChg>
      </pc:sldChg>
      <pc:sldChg chg="modSp add mod ord">
        <pc:chgData name="Abe,YutakaTKZIM" userId="4ea0f8c6-cb00-4a5a-9642-b208e11f484d" providerId="ADAL" clId="{DF643A51-0D77-4B0F-8B72-970EFD7718EC}" dt="2024-12-22T23:46:38.770" v="392" actId="404"/>
        <pc:sldMkLst>
          <pc:docMk/>
          <pc:sldMk cId="4279618435" sldId="3403"/>
        </pc:sldMkLst>
        <pc:spChg chg="mod">
          <ac:chgData name="Abe,YutakaTKZIM" userId="4ea0f8c6-cb00-4a5a-9642-b208e11f484d" providerId="ADAL" clId="{DF643A51-0D77-4B0F-8B72-970EFD7718EC}" dt="2024-12-22T23:46:38.770" v="392" actId="404"/>
          <ac:spMkLst>
            <pc:docMk/>
            <pc:sldMk cId="4279618435" sldId="3403"/>
            <ac:spMk id="3" creationId="{42E70F4F-0068-BA4F-86DA-069E75A81E2D}"/>
          </ac:spMkLst>
        </pc:spChg>
      </pc:sldChg>
      <pc:sldChg chg="modSp add mod ord">
        <pc:chgData name="Abe,YutakaTKZIM" userId="4ea0f8c6-cb00-4a5a-9642-b208e11f484d" providerId="ADAL" clId="{DF643A51-0D77-4B0F-8B72-970EFD7718EC}" dt="2024-12-22T23:47:24.821" v="416" actId="6549"/>
        <pc:sldMkLst>
          <pc:docMk/>
          <pc:sldMk cId="1504818612" sldId="3404"/>
        </pc:sldMkLst>
        <pc:spChg chg="mod">
          <ac:chgData name="Abe,YutakaTKZIM" userId="4ea0f8c6-cb00-4a5a-9642-b208e11f484d" providerId="ADAL" clId="{DF643A51-0D77-4B0F-8B72-970EFD7718EC}" dt="2024-12-22T23:47:24.821" v="416" actId="6549"/>
          <ac:spMkLst>
            <pc:docMk/>
            <pc:sldMk cId="1504818612" sldId="3404"/>
            <ac:spMk id="3" creationId="{42E70F4F-0068-BA4F-86DA-069E75A81E2D}"/>
          </ac:spMkLst>
        </pc:spChg>
      </pc:sldChg>
      <pc:sldChg chg="addSp delSp modSp add mod ord">
        <pc:chgData name="Abe,YutakaTKZIM" userId="4ea0f8c6-cb00-4a5a-9642-b208e11f484d" providerId="ADAL" clId="{DF643A51-0D77-4B0F-8B72-970EFD7718EC}" dt="2025-01-05T22:29:29.387" v="4021"/>
        <pc:sldMkLst>
          <pc:docMk/>
          <pc:sldMk cId="742267238" sldId="3405"/>
        </pc:sldMkLst>
        <pc:spChg chg="mod">
          <ac:chgData name="Abe,YutakaTKZIM" userId="4ea0f8c6-cb00-4a5a-9642-b208e11f484d" providerId="ADAL" clId="{DF643A51-0D77-4B0F-8B72-970EFD7718EC}" dt="2024-12-25T04:28:36.878" v="2726" actId="1076"/>
          <ac:spMkLst>
            <pc:docMk/>
            <pc:sldMk cId="742267238" sldId="3405"/>
            <ac:spMk id="3" creationId="{E6795165-6D92-F383-836A-D4758BE24F42}"/>
          </ac:spMkLst>
        </pc:spChg>
        <pc:spChg chg="mod">
          <ac:chgData name="Abe,YutakaTKZIM" userId="4ea0f8c6-cb00-4a5a-9642-b208e11f484d" providerId="ADAL" clId="{DF643A51-0D77-4B0F-8B72-970EFD7718EC}" dt="2024-12-25T04:28:22.497" v="2722" actId="14100"/>
          <ac:spMkLst>
            <pc:docMk/>
            <pc:sldMk cId="742267238" sldId="3405"/>
            <ac:spMk id="4" creationId="{89488EA5-77A5-9C0F-5C98-432E2505E539}"/>
          </ac:spMkLst>
        </pc:spChg>
        <pc:spChg chg="mod">
          <ac:chgData name="Abe,YutakaTKZIM" userId="4ea0f8c6-cb00-4a5a-9642-b208e11f484d" providerId="ADAL" clId="{DF643A51-0D77-4B0F-8B72-970EFD7718EC}" dt="2024-12-25T04:28:27.391" v="2724" actId="1076"/>
          <ac:spMkLst>
            <pc:docMk/>
            <pc:sldMk cId="742267238" sldId="3405"/>
            <ac:spMk id="5" creationId="{463F15A2-5E2D-6608-4E42-6D857F6A3297}"/>
          </ac:spMkLst>
        </pc:spChg>
        <pc:spChg chg="mod">
          <ac:chgData name="Abe,YutakaTKZIM" userId="4ea0f8c6-cb00-4a5a-9642-b208e11f484d" providerId="ADAL" clId="{DF643A51-0D77-4B0F-8B72-970EFD7718EC}" dt="2024-12-25T04:28:29.638" v="2725" actId="1076"/>
          <ac:spMkLst>
            <pc:docMk/>
            <pc:sldMk cId="742267238" sldId="3405"/>
            <ac:spMk id="6" creationId="{22B2774A-2643-7CBC-A187-6F45E093BFC1}"/>
          </ac:spMkLst>
        </pc:spChg>
        <pc:spChg chg="mod">
          <ac:chgData name="Abe,YutakaTKZIM" userId="4ea0f8c6-cb00-4a5a-9642-b208e11f484d" providerId="ADAL" clId="{DF643A51-0D77-4B0F-8B72-970EFD7718EC}" dt="2024-12-25T04:28:24.377" v="2723" actId="1076"/>
          <ac:spMkLst>
            <pc:docMk/>
            <pc:sldMk cId="742267238" sldId="3405"/>
            <ac:spMk id="7" creationId="{FFF1E525-118C-0A6F-4439-D184C44CFC6E}"/>
          </ac:spMkLst>
        </pc:spChg>
        <pc:spChg chg="add mod">
          <ac:chgData name="Abe,YutakaTKZIM" userId="4ea0f8c6-cb00-4a5a-9642-b208e11f484d" providerId="ADAL" clId="{DF643A51-0D77-4B0F-8B72-970EFD7718EC}" dt="2024-12-25T04:28:00.041" v="2715" actId="164"/>
          <ac:spMkLst>
            <pc:docMk/>
            <pc:sldMk cId="742267238" sldId="3405"/>
            <ac:spMk id="8" creationId="{41D575E2-AB41-E6FB-936F-58051636FB64}"/>
          </ac:spMkLst>
        </pc:spChg>
        <pc:spChg chg="add mod">
          <ac:chgData name="Abe,YutakaTKZIM" userId="4ea0f8c6-cb00-4a5a-9642-b208e11f484d" providerId="ADAL" clId="{DF643A51-0D77-4B0F-8B72-970EFD7718EC}" dt="2024-12-25T04:28:00.041" v="2715" actId="164"/>
          <ac:spMkLst>
            <pc:docMk/>
            <pc:sldMk cId="742267238" sldId="3405"/>
            <ac:spMk id="9" creationId="{018C2165-BD2C-65DD-9C25-32E8069ABE72}"/>
          </ac:spMkLst>
        </pc:spChg>
        <pc:spChg chg="add mod">
          <ac:chgData name="Abe,YutakaTKZIM" userId="4ea0f8c6-cb00-4a5a-9642-b208e11f484d" providerId="ADAL" clId="{DF643A51-0D77-4B0F-8B72-970EFD7718EC}" dt="2024-12-25T04:28:00.041" v="2715" actId="164"/>
          <ac:spMkLst>
            <pc:docMk/>
            <pc:sldMk cId="742267238" sldId="3405"/>
            <ac:spMk id="10" creationId="{45AAD31A-37B7-1562-A706-D680BC8DF2EC}"/>
          </ac:spMkLst>
        </pc:spChg>
        <pc:spChg chg="add mod">
          <ac:chgData name="Abe,YutakaTKZIM" userId="4ea0f8c6-cb00-4a5a-9642-b208e11f484d" providerId="ADAL" clId="{DF643A51-0D77-4B0F-8B72-970EFD7718EC}" dt="2024-12-25T04:28:00.041" v="2715" actId="164"/>
          <ac:spMkLst>
            <pc:docMk/>
            <pc:sldMk cId="742267238" sldId="3405"/>
            <ac:spMk id="11" creationId="{3892682B-5A4C-C208-58D2-8D7704DD8EC8}"/>
          </ac:spMkLst>
        </pc:spChg>
        <pc:spChg chg="add mod">
          <ac:chgData name="Abe,YutakaTKZIM" userId="4ea0f8c6-cb00-4a5a-9642-b208e11f484d" providerId="ADAL" clId="{DF643A51-0D77-4B0F-8B72-970EFD7718EC}" dt="2024-12-25T04:28:00.041" v="2715" actId="164"/>
          <ac:spMkLst>
            <pc:docMk/>
            <pc:sldMk cId="742267238" sldId="3405"/>
            <ac:spMk id="12" creationId="{F39DF111-86DE-8282-51E0-6100BC6D153F}"/>
          </ac:spMkLst>
        </pc:spChg>
        <pc:spChg chg="add mod">
          <ac:chgData name="Abe,YutakaTKZIM" userId="4ea0f8c6-cb00-4a5a-9642-b208e11f484d" providerId="ADAL" clId="{DF643A51-0D77-4B0F-8B72-970EFD7718EC}" dt="2024-12-25T04:28:00.041" v="2715" actId="164"/>
          <ac:spMkLst>
            <pc:docMk/>
            <pc:sldMk cId="742267238" sldId="3405"/>
            <ac:spMk id="13" creationId="{7606D157-BE36-E8E8-AB31-8931E035E95B}"/>
          </ac:spMkLst>
        </pc:spChg>
        <pc:spChg chg="add mod">
          <ac:chgData name="Abe,YutakaTKZIM" userId="4ea0f8c6-cb00-4a5a-9642-b208e11f484d" providerId="ADAL" clId="{DF643A51-0D77-4B0F-8B72-970EFD7718EC}" dt="2024-12-25T04:28:00.041" v="2715" actId="164"/>
          <ac:spMkLst>
            <pc:docMk/>
            <pc:sldMk cId="742267238" sldId="3405"/>
            <ac:spMk id="14" creationId="{8271470F-59E1-3A0E-67DE-77D747DE31CC}"/>
          </ac:spMkLst>
        </pc:spChg>
        <pc:spChg chg="add mod">
          <ac:chgData name="Abe,YutakaTKZIM" userId="4ea0f8c6-cb00-4a5a-9642-b208e11f484d" providerId="ADAL" clId="{DF643A51-0D77-4B0F-8B72-970EFD7718EC}" dt="2024-12-25T04:28:00.041" v="2715" actId="164"/>
          <ac:spMkLst>
            <pc:docMk/>
            <pc:sldMk cId="742267238" sldId="3405"/>
            <ac:spMk id="15" creationId="{09D6F680-7A5E-DF05-5E0A-27BE12DB037D}"/>
          </ac:spMkLst>
        </pc:spChg>
        <pc:spChg chg="add mod">
          <ac:chgData name="Abe,YutakaTKZIM" userId="4ea0f8c6-cb00-4a5a-9642-b208e11f484d" providerId="ADAL" clId="{DF643A51-0D77-4B0F-8B72-970EFD7718EC}" dt="2024-12-25T04:28:00.041" v="2715" actId="164"/>
          <ac:spMkLst>
            <pc:docMk/>
            <pc:sldMk cId="742267238" sldId="3405"/>
            <ac:spMk id="16" creationId="{23BE4A8C-67B8-8AE4-C576-B30502B3894E}"/>
          </ac:spMkLst>
        </pc:spChg>
        <pc:spChg chg="add mod">
          <ac:chgData name="Abe,YutakaTKZIM" userId="4ea0f8c6-cb00-4a5a-9642-b208e11f484d" providerId="ADAL" clId="{DF643A51-0D77-4B0F-8B72-970EFD7718EC}" dt="2024-12-25T04:28:00.041" v="2715" actId="164"/>
          <ac:spMkLst>
            <pc:docMk/>
            <pc:sldMk cId="742267238" sldId="3405"/>
            <ac:spMk id="17" creationId="{0C6F98BA-42B6-3240-31F6-EF0CC879631D}"/>
          </ac:spMkLst>
        </pc:spChg>
        <pc:spChg chg="add mod">
          <ac:chgData name="Abe,YutakaTKZIM" userId="4ea0f8c6-cb00-4a5a-9642-b208e11f484d" providerId="ADAL" clId="{DF643A51-0D77-4B0F-8B72-970EFD7718EC}" dt="2024-12-25T04:28:00.041" v="2715" actId="164"/>
          <ac:spMkLst>
            <pc:docMk/>
            <pc:sldMk cId="742267238" sldId="3405"/>
            <ac:spMk id="18" creationId="{49EDB556-D936-6E56-6CEF-66E079118A41}"/>
          </ac:spMkLst>
        </pc:spChg>
        <pc:spChg chg="add mod">
          <ac:chgData name="Abe,YutakaTKZIM" userId="4ea0f8c6-cb00-4a5a-9642-b208e11f484d" providerId="ADAL" clId="{DF643A51-0D77-4B0F-8B72-970EFD7718EC}" dt="2024-12-25T04:28:00.041" v="2715" actId="164"/>
          <ac:spMkLst>
            <pc:docMk/>
            <pc:sldMk cId="742267238" sldId="3405"/>
            <ac:spMk id="19" creationId="{071CC797-DCC2-5294-3E8D-7FEDA95F86DE}"/>
          </ac:spMkLst>
        </pc:spChg>
        <pc:spChg chg="add mod">
          <ac:chgData name="Abe,YutakaTKZIM" userId="4ea0f8c6-cb00-4a5a-9642-b208e11f484d" providerId="ADAL" clId="{DF643A51-0D77-4B0F-8B72-970EFD7718EC}" dt="2024-12-25T04:28:00.041" v="2715" actId="164"/>
          <ac:spMkLst>
            <pc:docMk/>
            <pc:sldMk cId="742267238" sldId="3405"/>
            <ac:spMk id="20" creationId="{04781FC5-C5FF-A5EE-0FED-BC129C5F28F4}"/>
          </ac:spMkLst>
        </pc:spChg>
        <pc:spChg chg="add mod">
          <ac:chgData name="Abe,YutakaTKZIM" userId="4ea0f8c6-cb00-4a5a-9642-b208e11f484d" providerId="ADAL" clId="{DF643A51-0D77-4B0F-8B72-970EFD7718EC}" dt="2024-12-25T04:28:00.041" v="2715" actId="164"/>
          <ac:spMkLst>
            <pc:docMk/>
            <pc:sldMk cId="742267238" sldId="3405"/>
            <ac:spMk id="21" creationId="{0E80E8E1-743B-1764-AEDB-261CD37D3257}"/>
          </ac:spMkLst>
        </pc:spChg>
        <pc:spChg chg="add mod">
          <ac:chgData name="Abe,YutakaTKZIM" userId="4ea0f8c6-cb00-4a5a-9642-b208e11f484d" providerId="ADAL" clId="{DF643A51-0D77-4B0F-8B72-970EFD7718EC}" dt="2024-12-25T04:28:00.041" v="2715" actId="164"/>
          <ac:spMkLst>
            <pc:docMk/>
            <pc:sldMk cId="742267238" sldId="3405"/>
            <ac:spMk id="22" creationId="{2CC525D0-A385-89B3-E4B9-75D5C486A4D3}"/>
          </ac:spMkLst>
        </pc:spChg>
        <pc:spChg chg="add mod">
          <ac:chgData name="Abe,YutakaTKZIM" userId="4ea0f8c6-cb00-4a5a-9642-b208e11f484d" providerId="ADAL" clId="{DF643A51-0D77-4B0F-8B72-970EFD7718EC}" dt="2024-12-25T04:28:00.041" v="2715" actId="164"/>
          <ac:spMkLst>
            <pc:docMk/>
            <pc:sldMk cId="742267238" sldId="3405"/>
            <ac:spMk id="23" creationId="{09707D47-AE46-485A-517E-249AB0FEEECF}"/>
          </ac:spMkLst>
        </pc:spChg>
        <pc:spChg chg="add mod">
          <ac:chgData name="Abe,YutakaTKZIM" userId="4ea0f8c6-cb00-4a5a-9642-b208e11f484d" providerId="ADAL" clId="{DF643A51-0D77-4B0F-8B72-970EFD7718EC}" dt="2024-12-25T04:28:00.041" v="2715" actId="164"/>
          <ac:spMkLst>
            <pc:docMk/>
            <pc:sldMk cId="742267238" sldId="3405"/>
            <ac:spMk id="24" creationId="{BD931DA6-34BC-CD8C-7F70-F250E737C021}"/>
          </ac:spMkLst>
        </pc:spChg>
        <pc:spChg chg="add mod">
          <ac:chgData name="Abe,YutakaTKZIM" userId="4ea0f8c6-cb00-4a5a-9642-b208e11f484d" providerId="ADAL" clId="{DF643A51-0D77-4B0F-8B72-970EFD7718EC}" dt="2024-12-25T04:28:00.041" v="2715" actId="164"/>
          <ac:spMkLst>
            <pc:docMk/>
            <pc:sldMk cId="742267238" sldId="3405"/>
            <ac:spMk id="25" creationId="{BEA8E861-3A56-13AD-ACFC-96B451005753}"/>
          </ac:spMkLst>
        </pc:spChg>
        <pc:spChg chg="add mod">
          <ac:chgData name="Abe,YutakaTKZIM" userId="4ea0f8c6-cb00-4a5a-9642-b208e11f484d" providerId="ADAL" clId="{DF643A51-0D77-4B0F-8B72-970EFD7718EC}" dt="2024-12-25T04:28:00.041" v="2715" actId="164"/>
          <ac:spMkLst>
            <pc:docMk/>
            <pc:sldMk cId="742267238" sldId="3405"/>
            <ac:spMk id="26" creationId="{29A0C7DF-90F4-B5AD-CBF2-F5C5BDB57363}"/>
          </ac:spMkLst>
        </pc:spChg>
        <pc:spChg chg="add mod">
          <ac:chgData name="Abe,YutakaTKZIM" userId="4ea0f8c6-cb00-4a5a-9642-b208e11f484d" providerId="ADAL" clId="{DF643A51-0D77-4B0F-8B72-970EFD7718EC}" dt="2024-12-25T04:28:00.041" v="2715" actId="164"/>
          <ac:spMkLst>
            <pc:docMk/>
            <pc:sldMk cId="742267238" sldId="3405"/>
            <ac:spMk id="29" creationId="{BB6BD348-6F08-87B8-A2B2-F95268C7F8F2}"/>
          </ac:spMkLst>
        </pc:spChg>
        <pc:grpChg chg="add mod">
          <ac:chgData name="Abe,YutakaTKZIM" userId="4ea0f8c6-cb00-4a5a-9642-b208e11f484d" providerId="ADAL" clId="{DF643A51-0D77-4B0F-8B72-970EFD7718EC}" dt="2024-12-25T04:28:03.850" v="2716" actId="688"/>
          <ac:grpSpMkLst>
            <pc:docMk/>
            <pc:sldMk cId="742267238" sldId="3405"/>
            <ac:grpSpMk id="88" creationId="{C7A62CBC-D95B-A03E-4199-FBF12EDFBC32}"/>
          </ac:grpSpMkLst>
        </pc:grpChg>
        <pc:picChg chg="add del mod">
          <ac:chgData name="Abe,YutakaTKZIM" userId="4ea0f8c6-cb00-4a5a-9642-b208e11f484d" providerId="ADAL" clId="{DF643A51-0D77-4B0F-8B72-970EFD7718EC}" dt="2024-12-25T04:15:40.259" v="2697" actId="478"/>
          <ac:picMkLst>
            <pc:docMk/>
            <pc:sldMk cId="742267238" sldId="3405"/>
            <ac:picMk id="28" creationId="{96C7F060-1E75-6282-6EFE-490522FB7E2A}"/>
          </ac:picMkLst>
        </pc:picChg>
        <pc:cxnChg chg="add mod">
          <ac:chgData name="Abe,YutakaTKZIM" userId="4ea0f8c6-cb00-4a5a-9642-b208e11f484d" providerId="ADAL" clId="{DF643A51-0D77-4B0F-8B72-970EFD7718EC}" dt="2024-12-25T04:28:00.041" v="2715" actId="164"/>
          <ac:cxnSpMkLst>
            <pc:docMk/>
            <pc:sldMk cId="742267238" sldId="3405"/>
            <ac:cxnSpMk id="31" creationId="{329E6EDA-DEFF-CB87-322B-F16F1EDA5A7E}"/>
          </ac:cxnSpMkLst>
        </pc:cxnChg>
        <pc:cxnChg chg="add mod">
          <ac:chgData name="Abe,YutakaTKZIM" userId="4ea0f8c6-cb00-4a5a-9642-b208e11f484d" providerId="ADAL" clId="{DF643A51-0D77-4B0F-8B72-970EFD7718EC}" dt="2024-12-25T04:28:00.041" v="2715" actId="164"/>
          <ac:cxnSpMkLst>
            <pc:docMk/>
            <pc:sldMk cId="742267238" sldId="3405"/>
            <ac:cxnSpMk id="32" creationId="{F8835BA2-25E2-F4F4-8569-CD980ECD3393}"/>
          </ac:cxnSpMkLst>
        </pc:cxnChg>
        <pc:cxnChg chg="add mod">
          <ac:chgData name="Abe,YutakaTKZIM" userId="4ea0f8c6-cb00-4a5a-9642-b208e11f484d" providerId="ADAL" clId="{DF643A51-0D77-4B0F-8B72-970EFD7718EC}" dt="2024-12-25T04:28:00.041" v="2715" actId="164"/>
          <ac:cxnSpMkLst>
            <pc:docMk/>
            <pc:sldMk cId="742267238" sldId="3405"/>
            <ac:cxnSpMk id="34" creationId="{7805BEFB-3971-2237-2439-314797E35D72}"/>
          </ac:cxnSpMkLst>
        </pc:cxnChg>
        <pc:cxnChg chg="add mod">
          <ac:chgData name="Abe,YutakaTKZIM" userId="4ea0f8c6-cb00-4a5a-9642-b208e11f484d" providerId="ADAL" clId="{DF643A51-0D77-4B0F-8B72-970EFD7718EC}" dt="2024-12-25T04:28:00.041" v="2715" actId="164"/>
          <ac:cxnSpMkLst>
            <pc:docMk/>
            <pc:sldMk cId="742267238" sldId="3405"/>
            <ac:cxnSpMk id="35" creationId="{28AF1E9B-08B1-31C9-7E3F-C1EACD659442}"/>
          </ac:cxnSpMkLst>
        </pc:cxnChg>
        <pc:cxnChg chg="add mod">
          <ac:chgData name="Abe,YutakaTKZIM" userId="4ea0f8c6-cb00-4a5a-9642-b208e11f484d" providerId="ADAL" clId="{DF643A51-0D77-4B0F-8B72-970EFD7718EC}" dt="2024-12-25T04:28:00.041" v="2715" actId="164"/>
          <ac:cxnSpMkLst>
            <pc:docMk/>
            <pc:sldMk cId="742267238" sldId="3405"/>
            <ac:cxnSpMk id="36" creationId="{47CAD5E1-AD60-4920-A6E0-770E554043AA}"/>
          </ac:cxnSpMkLst>
        </pc:cxnChg>
        <pc:cxnChg chg="add mod">
          <ac:chgData name="Abe,YutakaTKZIM" userId="4ea0f8c6-cb00-4a5a-9642-b208e11f484d" providerId="ADAL" clId="{DF643A51-0D77-4B0F-8B72-970EFD7718EC}" dt="2024-12-25T04:28:00.041" v="2715" actId="164"/>
          <ac:cxnSpMkLst>
            <pc:docMk/>
            <pc:sldMk cId="742267238" sldId="3405"/>
            <ac:cxnSpMk id="37" creationId="{CAE4042C-BCE5-373F-42C5-1796DCC78163}"/>
          </ac:cxnSpMkLst>
        </pc:cxnChg>
        <pc:cxnChg chg="add mod">
          <ac:chgData name="Abe,YutakaTKZIM" userId="4ea0f8c6-cb00-4a5a-9642-b208e11f484d" providerId="ADAL" clId="{DF643A51-0D77-4B0F-8B72-970EFD7718EC}" dt="2024-12-25T04:28:00.041" v="2715" actId="164"/>
          <ac:cxnSpMkLst>
            <pc:docMk/>
            <pc:sldMk cId="742267238" sldId="3405"/>
            <ac:cxnSpMk id="38" creationId="{B3DCA5E5-DD03-6F9F-4223-3815C286BAFF}"/>
          </ac:cxnSpMkLst>
        </pc:cxnChg>
        <pc:cxnChg chg="add mod">
          <ac:chgData name="Abe,YutakaTKZIM" userId="4ea0f8c6-cb00-4a5a-9642-b208e11f484d" providerId="ADAL" clId="{DF643A51-0D77-4B0F-8B72-970EFD7718EC}" dt="2024-12-25T04:28:00.041" v="2715" actId="164"/>
          <ac:cxnSpMkLst>
            <pc:docMk/>
            <pc:sldMk cId="742267238" sldId="3405"/>
            <ac:cxnSpMk id="40" creationId="{8A8785F6-F639-D620-043C-1D7F90D5383B}"/>
          </ac:cxnSpMkLst>
        </pc:cxnChg>
        <pc:cxnChg chg="add mod">
          <ac:chgData name="Abe,YutakaTKZIM" userId="4ea0f8c6-cb00-4a5a-9642-b208e11f484d" providerId="ADAL" clId="{DF643A51-0D77-4B0F-8B72-970EFD7718EC}" dt="2024-12-25T04:28:00.041" v="2715" actId="164"/>
          <ac:cxnSpMkLst>
            <pc:docMk/>
            <pc:sldMk cId="742267238" sldId="3405"/>
            <ac:cxnSpMk id="43" creationId="{E6BB774D-0109-9807-EE6B-6C25095A169A}"/>
          </ac:cxnSpMkLst>
        </pc:cxnChg>
        <pc:cxnChg chg="add mod">
          <ac:chgData name="Abe,YutakaTKZIM" userId="4ea0f8c6-cb00-4a5a-9642-b208e11f484d" providerId="ADAL" clId="{DF643A51-0D77-4B0F-8B72-970EFD7718EC}" dt="2024-12-25T04:28:00.041" v="2715" actId="164"/>
          <ac:cxnSpMkLst>
            <pc:docMk/>
            <pc:sldMk cId="742267238" sldId="3405"/>
            <ac:cxnSpMk id="44" creationId="{0B4986E2-505C-B02C-9568-82431D0D9B73}"/>
          </ac:cxnSpMkLst>
        </pc:cxnChg>
        <pc:cxnChg chg="add mod">
          <ac:chgData name="Abe,YutakaTKZIM" userId="4ea0f8c6-cb00-4a5a-9642-b208e11f484d" providerId="ADAL" clId="{DF643A51-0D77-4B0F-8B72-970EFD7718EC}" dt="2024-12-25T04:28:00.041" v="2715" actId="164"/>
          <ac:cxnSpMkLst>
            <pc:docMk/>
            <pc:sldMk cId="742267238" sldId="3405"/>
            <ac:cxnSpMk id="46" creationId="{F9271544-4778-D750-9334-76F686DF6098}"/>
          </ac:cxnSpMkLst>
        </pc:cxnChg>
        <pc:cxnChg chg="add mod">
          <ac:chgData name="Abe,YutakaTKZIM" userId="4ea0f8c6-cb00-4a5a-9642-b208e11f484d" providerId="ADAL" clId="{DF643A51-0D77-4B0F-8B72-970EFD7718EC}" dt="2024-12-25T04:28:00.041" v="2715" actId="164"/>
          <ac:cxnSpMkLst>
            <pc:docMk/>
            <pc:sldMk cId="742267238" sldId="3405"/>
            <ac:cxnSpMk id="47" creationId="{8B99AE6C-A7F7-D359-92FF-933702B44CA9}"/>
          </ac:cxnSpMkLst>
        </pc:cxnChg>
        <pc:cxnChg chg="add mod">
          <ac:chgData name="Abe,YutakaTKZIM" userId="4ea0f8c6-cb00-4a5a-9642-b208e11f484d" providerId="ADAL" clId="{DF643A51-0D77-4B0F-8B72-970EFD7718EC}" dt="2024-12-25T04:28:00.041" v="2715" actId="164"/>
          <ac:cxnSpMkLst>
            <pc:docMk/>
            <pc:sldMk cId="742267238" sldId="3405"/>
            <ac:cxnSpMk id="48" creationId="{8AECE727-6CD4-2EF0-F308-8F0359448BE9}"/>
          </ac:cxnSpMkLst>
        </pc:cxnChg>
        <pc:cxnChg chg="add mod">
          <ac:chgData name="Abe,YutakaTKZIM" userId="4ea0f8c6-cb00-4a5a-9642-b208e11f484d" providerId="ADAL" clId="{DF643A51-0D77-4B0F-8B72-970EFD7718EC}" dt="2024-12-25T04:28:00.041" v="2715" actId="164"/>
          <ac:cxnSpMkLst>
            <pc:docMk/>
            <pc:sldMk cId="742267238" sldId="3405"/>
            <ac:cxnSpMk id="50" creationId="{12324D6F-0B93-3CB2-7730-750AC75BF9CC}"/>
          </ac:cxnSpMkLst>
        </pc:cxnChg>
        <pc:cxnChg chg="add mod">
          <ac:chgData name="Abe,YutakaTKZIM" userId="4ea0f8c6-cb00-4a5a-9642-b208e11f484d" providerId="ADAL" clId="{DF643A51-0D77-4B0F-8B72-970EFD7718EC}" dt="2024-12-25T04:28:00.041" v="2715" actId="164"/>
          <ac:cxnSpMkLst>
            <pc:docMk/>
            <pc:sldMk cId="742267238" sldId="3405"/>
            <ac:cxnSpMk id="51" creationId="{AA99B010-E9C8-778F-AE93-B3C887D0DFB5}"/>
          </ac:cxnSpMkLst>
        </pc:cxnChg>
        <pc:cxnChg chg="add mod">
          <ac:chgData name="Abe,YutakaTKZIM" userId="4ea0f8c6-cb00-4a5a-9642-b208e11f484d" providerId="ADAL" clId="{DF643A51-0D77-4B0F-8B72-970EFD7718EC}" dt="2024-12-25T04:28:00.041" v="2715" actId="164"/>
          <ac:cxnSpMkLst>
            <pc:docMk/>
            <pc:sldMk cId="742267238" sldId="3405"/>
            <ac:cxnSpMk id="53" creationId="{138B3662-0FD9-DF03-AB23-787544389AE3}"/>
          </ac:cxnSpMkLst>
        </pc:cxnChg>
        <pc:cxnChg chg="add mod">
          <ac:chgData name="Abe,YutakaTKZIM" userId="4ea0f8c6-cb00-4a5a-9642-b208e11f484d" providerId="ADAL" clId="{DF643A51-0D77-4B0F-8B72-970EFD7718EC}" dt="2024-12-25T04:41:04.917" v="2839" actId="1582"/>
          <ac:cxnSpMkLst>
            <pc:docMk/>
            <pc:sldMk cId="742267238" sldId="3405"/>
            <ac:cxnSpMk id="57" creationId="{19B8A7F6-8FBC-CEB8-EF69-7067409978A2}"/>
          </ac:cxnSpMkLst>
        </pc:cxnChg>
        <pc:cxnChg chg="add mod">
          <ac:chgData name="Abe,YutakaTKZIM" userId="4ea0f8c6-cb00-4a5a-9642-b208e11f484d" providerId="ADAL" clId="{DF643A51-0D77-4B0F-8B72-970EFD7718EC}" dt="2024-12-25T04:28:00.041" v="2715" actId="164"/>
          <ac:cxnSpMkLst>
            <pc:docMk/>
            <pc:sldMk cId="742267238" sldId="3405"/>
            <ac:cxnSpMk id="58" creationId="{0DE418CD-BAAE-DB86-8909-9E6854351F1A}"/>
          </ac:cxnSpMkLst>
        </pc:cxnChg>
        <pc:cxnChg chg="add mod">
          <ac:chgData name="Abe,YutakaTKZIM" userId="4ea0f8c6-cb00-4a5a-9642-b208e11f484d" providerId="ADAL" clId="{DF643A51-0D77-4B0F-8B72-970EFD7718EC}" dt="2024-12-25T04:28:00.041" v="2715" actId="164"/>
          <ac:cxnSpMkLst>
            <pc:docMk/>
            <pc:sldMk cId="742267238" sldId="3405"/>
            <ac:cxnSpMk id="60" creationId="{E62214DF-AB04-3023-AD12-A2EE84A5CAD1}"/>
          </ac:cxnSpMkLst>
        </pc:cxnChg>
        <pc:cxnChg chg="add mod">
          <ac:chgData name="Abe,YutakaTKZIM" userId="4ea0f8c6-cb00-4a5a-9642-b208e11f484d" providerId="ADAL" clId="{DF643A51-0D77-4B0F-8B72-970EFD7718EC}" dt="2024-12-25T04:28:00.041" v="2715" actId="164"/>
          <ac:cxnSpMkLst>
            <pc:docMk/>
            <pc:sldMk cId="742267238" sldId="3405"/>
            <ac:cxnSpMk id="61" creationId="{44C605B0-D37F-5449-B18F-72029090B8C4}"/>
          </ac:cxnSpMkLst>
        </pc:cxnChg>
        <pc:cxnChg chg="add mod">
          <ac:chgData name="Abe,YutakaTKZIM" userId="4ea0f8c6-cb00-4a5a-9642-b208e11f484d" providerId="ADAL" clId="{DF643A51-0D77-4B0F-8B72-970EFD7718EC}" dt="2024-12-25T04:28:00.041" v="2715" actId="164"/>
          <ac:cxnSpMkLst>
            <pc:docMk/>
            <pc:sldMk cId="742267238" sldId="3405"/>
            <ac:cxnSpMk id="62" creationId="{CA5C407A-2388-99EC-DDA3-02110768C84C}"/>
          </ac:cxnSpMkLst>
        </pc:cxnChg>
        <pc:cxnChg chg="add mod">
          <ac:chgData name="Abe,YutakaTKZIM" userId="4ea0f8c6-cb00-4a5a-9642-b208e11f484d" providerId="ADAL" clId="{DF643A51-0D77-4B0F-8B72-970EFD7718EC}" dt="2024-12-25T04:28:00.041" v="2715" actId="164"/>
          <ac:cxnSpMkLst>
            <pc:docMk/>
            <pc:sldMk cId="742267238" sldId="3405"/>
            <ac:cxnSpMk id="64" creationId="{A4F0F9F3-9E2F-0128-4A46-2C3E360F72BB}"/>
          </ac:cxnSpMkLst>
        </pc:cxnChg>
        <pc:cxnChg chg="add mod">
          <ac:chgData name="Abe,YutakaTKZIM" userId="4ea0f8c6-cb00-4a5a-9642-b208e11f484d" providerId="ADAL" clId="{DF643A51-0D77-4B0F-8B72-970EFD7718EC}" dt="2024-12-25T04:28:00.041" v="2715" actId="164"/>
          <ac:cxnSpMkLst>
            <pc:docMk/>
            <pc:sldMk cId="742267238" sldId="3405"/>
            <ac:cxnSpMk id="66" creationId="{78081BB5-CD76-F3B2-BD49-DEA63ED4691A}"/>
          </ac:cxnSpMkLst>
        </pc:cxnChg>
        <pc:cxnChg chg="add mod">
          <ac:chgData name="Abe,YutakaTKZIM" userId="4ea0f8c6-cb00-4a5a-9642-b208e11f484d" providerId="ADAL" clId="{DF643A51-0D77-4B0F-8B72-970EFD7718EC}" dt="2024-12-25T04:28:00.041" v="2715" actId="164"/>
          <ac:cxnSpMkLst>
            <pc:docMk/>
            <pc:sldMk cId="742267238" sldId="3405"/>
            <ac:cxnSpMk id="68" creationId="{3B690933-1C6C-7401-F171-6461BB12CCF7}"/>
          </ac:cxnSpMkLst>
        </pc:cxnChg>
        <pc:cxnChg chg="add mod">
          <ac:chgData name="Abe,YutakaTKZIM" userId="4ea0f8c6-cb00-4a5a-9642-b208e11f484d" providerId="ADAL" clId="{DF643A51-0D77-4B0F-8B72-970EFD7718EC}" dt="2024-12-25T04:28:00.041" v="2715" actId="164"/>
          <ac:cxnSpMkLst>
            <pc:docMk/>
            <pc:sldMk cId="742267238" sldId="3405"/>
            <ac:cxnSpMk id="70" creationId="{DBE1394D-E72B-E068-7BF4-BC8BFF4FEE46}"/>
          </ac:cxnSpMkLst>
        </pc:cxnChg>
        <pc:cxnChg chg="add mod">
          <ac:chgData name="Abe,YutakaTKZIM" userId="4ea0f8c6-cb00-4a5a-9642-b208e11f484d" providerId="ADAL" clId="{DF643A51-0D77-4B0F-8B72-970EFD7718EC}" dt="2024-12-25T04:28:00.041" v="2715" actId="164"/>
          <ac:cxnSpMkLst>
            <pc:docMk/>
            <pc:sldMk cId="742267238" sldId="3405"/>
            <ac:cxnSpMk id="72" creationId="{B1AD33AD-18BF-D44D-FE9F-061EAB05A4DC}"/>
          </ac:cxnSpMkLst>
        </pc:cxnChg>
        <pc:cxnChg chg="add del mod">
          <ac:chgData name="Abe,YutakaTKZIM" userId="4ea0f8c6-cb00-4a5a-9642-b208e11f484d" providerId="ADAL" clId="{DF643A51-0D77-4B0F-8B72-970EFD7718EC}" dt="2024-12-25T04:13:56.590" v="2681" actId="478"/>
          <ac:cxnSpMkLst>
            <pc:docMk/>
            <pc:sldMk cId="742267238" sldId="3405"/>
            <ac:cxnSpMk id="74" creationId="{D5A2CF8D-BEF0-883C-1613-878242B352CB}"/>
          </ac:cxnSpMkLst>
        </pc:cxnChg>
        <pc:cxnChg chg="add mod">
          <ac:chgData name="Abe,YutakaTKZIM" userId="4ea0f8c6-cb00-4a5a-9642-b208e11f484d" providerId="ADAL" clId="{DF643A51-0D77-4B0F-8B72-970EFD7718EC}" dt="2024-12-25T04:41:11.366" v="2840" actId="1582"/>
          <ac:cxnSpMkLst>
            <pc:docMk/>
            <pc:sldMk cId="742267238" sldId="3405"/>
            <ac:cxnSpMk id="77" creationId="{68CC0A5C-E732-1D3E-224F-150F0FD03484}"/>
          </ac:cxnSpMkLst>
        </pc:cxnChg>
        <pc:cxnChg chg="add mod">
          <ac:chgData name="Abe,YutakaTKZIM" userId="4ea0f8c6-cb00-4a5a-9642-b208e11f484d" providerId="ADAL" clId="{DF643A51-0D77-4B0F-8B72-970EFD7718EC}" dt="2024-12-25T04:41:19.080" v="2841" actId="1582"/>
          <ac:cxnSpMkLst>
            <pc:docMk/>
            <pc:sldMk cId="742267238" sldId="3405"/>
            <ac:cxnSpMk id="79" creationId="{B18061A9-ADC2-3CD3-A44D-45E77F10BDAF}"/>
          </ac:cxnSpMkLst>
        </pc:cxnChg>
        <pc:cxnChg chg="add mod">
          <ac:chgData name="Abe,YutakaTKZIM" userId="4ea0f8c6-cb00-4a5a-9642-b208e11f484d" providerId="ADAL" clId="{DF643A51-0D77-4B0F-8B72-970EFD7718EC}" dt="2024-12-25T04:28:00.041" v="2715" actId="164"/>
          <ac:cxnSpMkLst>
            <pc:docMk/>
            <pc:sldMk cId="742267238" sldId="3405"/>
            <ac:cxnSpMk id="80" creationId="{B9339211-8B38-1E20-07C9-82179D797A2E}"/>
          </ac:cxnSpMkLst>
        </pc:cxnChg>
        <pc:cxnChg chg="add mod">
          <ac:chgData name="Abe,YutakaTKZIM" userId="4ea0f8c6-cb00-4a5a-9642-b208e11f484d" providerId="ADAL" clId="{DF643A51-0D77-4B0F-8B72-970EFD7718EC}" dt="2024-12-25T04:28:00.041" v="2715" actId="164"/>
          <ac:cxnSpMkLst>
            <pc:docMk/>
            <pc:sldMk cId="742267238" sldId="3405"/>
            <ac:cxnSpMk id="81" creationId="{5C4348E5-531A-041D-DD52-CAED5D86A8EF}"/>
          </ac:cxnSpMkLst>
        </pc:cxnChg>
        <pc:cxnChg chg="add mod">
          <ac:chgData name="Abe,YutakaTKZIM" userId="4ea0f8c6-cb00-4a5a-9642-b208e11f484d" providerId="ADAL" clId="{DF643A51-0D77-4B0F-8B72-970EFD7718EC}" dt="2024-12-25T04:28:00.041" v="2715" actId="164"/>
          <ac:cxnSpMkLst>
            <pc:docMk/>
            <pc:sldMk cId="742267238" sldId="3405"/>
            <ac:cxnSpMk id="82" creationId="{617105D0-363B-67B4-4632-25A23BEE787E}"/>
          </ac:cxnSpMkLst>
        </pc:cxnChg>
        <pc:cxnChg chg="add mod">
          <ac:chgData name="Abe,YutakaTKZIM" userId="4ea0f8c6-cb00-4a5a-9642-b208e11f484d" providerId="ADAL" clId="{DF643A51-0D77-4B0F-8B72-970EFD7718EC}" dt="2024-12-25T04:28:00.041" v="2715" actId="164"/>
          <ac:cxnSpMkLst>
            <pc:docMk/>
            <pc:sldMk cId="742267238" sldId="3405"/>
            <ac:cxnSpMk id="83" creationId="{39F16064-B460-2097-75E9-97642F8D5297}"/>
          </ac:cxnSpMkLst>
        </pc:cxnChg>
        <pc:cxnChg chg="add mod">
          <ac:chgData name="Abe,YutakaTKZIM" userId="4ea0f8c6-cb00-4a5a-9642-b208e11f484d" providerId="ADAL" clId="{DF643A51-0D77-4B0F-8B72-970EFD7718EC}" dt="2024-12-25T04:28:00.041" v="2715" actId="164"/>
          <ac:cxnSpMkLst>
            <pc:docMk/>
            <pc:sldMk cId="742267238" sldId="3405"/>
            <ac:cxnSpMk id="84" creationId="{A6541940-A676-A340-9996-4E6E42B8BB22}"/>
          </ac:cxnSpMkLst>
        </pc:cxnChg>
        <pc:cxnChg chg="add mod">
          <ac:chgData name="Abe,YutakaTKZIM" userId="4ea0f8c6-cb00-4a5a-9642-b208e11f484d" providerId="ADAL" clId="{DF643A51-0D77-4B0F-8B72-970EFD7718EC}" dt="2024-12-25T04:28:00.041" v="2715" actId="164"/>
          <ac:cxnSpMkLst>
            <pc:docMk/>
            <pc:sldMk cId="742267238" sldId="3405"/>
            <ac:cxnSpMk id="85" creationId="{32AF40E8-F4B1-8B3D-473A-A2325FA5F0C9}"/>
          </ac:cxnSpMkLst>
        </pc:cxnChg>
        <pc:cxnChg chg="add mod">
          <ac:chgData name="Abe,YutakaTKZIM" userId="4ea0f8c6-cb00-4a5a-9642-b208e11f484d" providerId="ADAL" clId="{DF643A51-0D77-4B0F-8B72-970EFD7718EC}" dt="2024-12-25T04:28:00.041" v="2715" actId="164"/>
          <ac:cxnSpMkLst>
            <pc:docMk/>
            <pc:sldMk cId="742267238" sldId="3405"/>
            <ac:cxnSpMk id="86" creationId="{D24E17D1-93C4-CB37-81CE-D6D45D5E53E8}"/>
          </ac:cxnSpMkLst>
        </pc:cxnChg>
        <pc:cxnChg chg="add mod">
          <ac:chgData name="Abe,YutakaTKZIM" userId="4ea0f8c6-cb00-4a5a-9642-b208e11f484d" providerId="ADAL" clId="{DF643A51-0D77-4B0F-8B72-970EFD7718EC}" dt="2024-12-25T04:28:00.041" v="2715" actId="164"/>
          <ac:cxnSpMkLst>
            <pc:docMk/>
            <pc:sldMk cId="742267238" sldId="3405"/>
            <ac:cxnSpMk id="87" creationId="{C7E3E134-4C34-C29B-9799-F3359DCB0D3F}"/>
          </ac:cxnSpMkLst>
        </pc:cxnChg>
      </pc:sldChg>
      <pc:sldChg chg="modSp add mod">
        <pc:chgData name="Abe,YutakaTKZIM" userId="4ea0f8c6-cb00-4a5a-9642-b208e11f484d" providerId="ADAL" clId="{DF643A51-0D77-4B0F-8B72-970EFD7718EC}" dt="2024-12-23T04:36:25.208" v="1395" actId="20577"/>
        <pc:sldMkLst>
          <pc:docMk/>
          <pc:sldMk cId="173732718" sldId="3406"/>
        </pc:sldMkLst>
        <pc:spChg chg="mod">
          <ac:chgData name="Abe,YutakaTKZIM" userId="4ea0f8c6-cb00-4a5a-9642-b208e11f484d" providerId="ADAL" clId="{DF643A51-0D77-4B0F-8B72-970EFD7718EC}" dt="2024-12-23T04:36:25.208" v="1395" actId="20577"/>
          <ac:spMkLst>
            <pc:docMk/>
            <pc:sldMk cId="173732718" sldId="3406"/>
            <ac:spMk id="3" creationId="{42E70F4F-0068-BA4F-86DA-069E75A81E2D}"/>
          </ac:spMkLst>
        </pc:spChg>
      </pc:sldChg>
      <pc:sldChg chg="addSp delSp modSp add mod ord">
        <pc:chgData name="Abe,YutakaTKZIM" userId="4ea0f8c6-cb00-4a5a-9642-b208e11f484d" providerId="ADAL" clId="{DF643A51-0D77-4B0F-8B72-970EFD7718EC}" dt="2024-12-25T03:14:13.215" v="2470" actId="14100"/>
        <pc:sldMkLst>
          <pc:docMk/>
          <pc:sldMk cId="2106819999" sldId="3407"/>
        </pc:sldMkLst>
        <pc:spChg chg="del">
          <ac:chgData name="Abe,YutakaTKZIM" userId="4ea0f8c6-cb00-4a5a-9642-b208e11f484d" providerId="ADAL" clId="{DF643A51-0D77-4B0F-8B72-970EFD7718EC}" dt="2024-12-23T04:36:36.689" v="1399" actId="478"/>
          <ac:spMkLst>
            <pc:docMk/>
            <pc:sldMk cId="2106819999" sldId="3407"/>
            <ac:spMk id="3" creationId="{00000000-0000-0000-0000-000000000000}"/>
          </ac:spMkLst>
        </pc:spChg>
        <pc:spChg chg="del">
          <ac:chgData name="Abe,YutakaTKZIM" userId="4ea0f8c6-cb00-4a5a-9642-b208e11f484d" providerId="ADAL" clId="{DF643A51-0D77-4B0F-8B72-970EFD7718EC}" dt="2024-12-23T04:36:36.689" v="1399" actId="478"/>
          <ac:spMkLst>
            <pc:docMk/>
            <pc:sldMk cId="2106819999" sldId="3407"/>
            <ac:spMk id="4" creationId="{00000000-0000-0000-0000-000000000000}"/>
          </ac:spMkLst>
        </pc:spChg>
        <pc:spChg chg="del">
          <ac:chgData name="Abe,YutakaTKZIM" userId="4ea0f8c6-cb00-4a5a-9642-b208e11f484d" providerId="ADAL" clId="{DF643A51-0D77-4B0F-8B72-970EFD7718EC}" dt="2024-12-23T04:36:36.689" v="1399" actId="478"/>
          <ac:spMkLst>
            <pc:docMk/>
            <pc:sldMk cId="2106819999" sldId="3407"/>
            <ac:spMk id="5" creationId="{00000000-0000-0000-0000-000000000000}"/>
          </ac:spMkLst>
        </pc:spChg>
        <pc:spChg chg="del">
          <ac:chgData name="Abe,YutakaTKZIM" userId="4ea0f8c6-cb00-4a5a-9642-b208e11f484d" providerId="ADAL" clId="{DF643A51-0D77-4B0F-8B72-970EFD7718EC}" dt="2024-12-23T04:36:36.689" v="1399" actId="478"/>
          <ac:spMkLst>
            <pc:docMk/>
            <pc:sldMk cId="2106819999" sldId="3407"/>
            <ac:spMk id="6" creationId="{00000000-0000-0000-0000-000000000000}"/>
          </ac:spMkLst>
        </pc:spChg>
        <pc:spChg chg="add del mod">
          <ac:chgData name="Abe,YutakaTKZIM" userId="4ea0f8c6-cb00-4a5a-9642-b208e11f484d" providerId="ADAL" clId="{DF643A51-0D77-4B0F-8B72-970EFD7718EC}" dt="2024-12-25T01:49:14.407" v="1572" actId="478"/>
          <ac:spMkLst>
            <pc:docMk/>
            <pc:sldMk cId="2106819999" sldId="3407"/>
            <ac:spMk id="6" creationId="{6052D2CD-F253-F1DE-D956-9FC390110BB0}"/>
          </ac:spMkLst>
        </pc:spChg>
        <pc:spChg chg="del">
          <ac:chgData name="Abe,YutakaTKZIM" userId="4ea0f8c6-cb00-4a5a-9642-b208e11f484d" providerId="ADAL" clId="{DF643A51-0D77-4B0F-8B72-970EFD7718EC}" dt="2024-12-23T04:36:36.689" v="1399" actId="478"/>
          <ac:spMkLst>
            <pc:docMk/>
            <pc:sldMk cId="2106819999" sldId="3407"/>
            <ac:spMk id="7" creationId="{00000000-0000-0000-0000-000000000000}"/>
          </ac:spMkLst>
        </pc:spChg>
        <pc:spChg chg="add del mod">
          <ac:chgData name="Abe,YutakaTKZIM" userId="4ea0f8c6-cb00-4a5a-9642-b208e11f484d" providerId="ADAL" clId="{DF643A51-0D77-4B0F-8B72-970EFD7718EC}" dt="2024-12-25T01:49:12.583" v="1571" actId="478"/>
          <ac:spMkLst>
            <pc:docMk/>
            <pc:sldMk cId="2106819999" sldId="3407"/>
            <ac:spMk id="7" creationId="{4C1DD412-0253-170C-D060-30503B3E099E}"/>
          </ac:spMkLst>
        </pc:spChg>
        <pc:spChg chg="del">
          <ac:chgData name="Abe,YutakaTKZIM" userId="4ea0f8c6-cb00-4a5a-9642-b208e11f484d" providerId="ADAL" clId="{DF643A51-0D77-4B0F-8B72-970EFD7718EC}" dt="2024-12-23T04:36:36.689" v="1399" actId="478"/>
          <ac:spMkLst>
            <pc:docMk/>
            <pc:sldMk cId="2106819999" sldId="3407"/>
            <ac:spMk id="8" creationId="{00000000-0000-0000-0000-000000000000}"/>
          </ac:spMkLst>
        </pc:spChg>
        <pc:spChg chg="add mod">
          <ac:chgData name="Abe,YutakaTKZIM" userId="4ea0f8c6-cb00-4a5a-9642-b208e11f484d" providerId="ADAL" clId="{DF643A51-0D77-4B0F-8B72-970EFD7718EC}" dt="2024-12-25T03:14:10.438" v="2469" actId="1076"/>
          <ac:spMkLst>
            <pc:docMk/>
            <pc:sldMk cId="2106819999" sldId="3407"/>
            <ac:spMk id="8" creationId="{0250FF7C-6001-B87C-8C2E-DD04F357ECBA}"/>
          </ac:spMkLst>
        </pc:spChg>
        <pc:spChg chg="del">
          <ac:chgData name="Abe,YutakaTKZIM" userId="4ea0f8c6-cb00-4a5a-9642-b208e11f484d" providerId="ADAL" clId="{DF643A51-0D77-4B0F-8B72-970EFD7718EC}" dt="2024-12-23T04:36:36.689" v="1399" actId="478"/>
          <ac:spMkLst>
            <pc:docMk/>
            <pc:sldMk cId="2106819999" sldId="3407"/>
            <ac:spMk id="9" creationId="{00000000-0000-0000-0000-000000000000}"/>
          </ac:spMkLst>
        </pc:spChg>
        <pc:spChg chg="add mod">
          <ac:chgData name="Abe,YutakaTKZIM" userId="4ea0f8c6-cb00-4a5a-9642-b208e11f484d" providerId="ADAL" clId="{DF643A51-0D77-4B0F-8B72-970EFD7718EC}" dt="2024-12-25T03:14:10.438" v="2469" actId="1076"/>
          <ac:spMkLst>
            <pc:docMk/>
            <pc:sldMk cId="2106819999" sldId="3407"/>
            <ac:spMk id="9" creationId="{B32EE935-8D8F-813B-DB6B-65ACB03E52FA}"/>
          </ac:spMkLst>
        </pc:spChg>
        <pc:spChg chg="add del mod">
          <ac:chgData name="Abe,YutakaTKZIM" userId="4ea0f8c6-cb00-4a5a-9642-b208e11f484d" providerId="ADAL" clId="{DF643A51-0D77-4B0F-8B72-970EFD7718EC}" dt="2024-12-25T02:45:03.693" v="2087" actId="478"/>
          <ac:spMkLst>
            <pc:docMk/>
            <pc:sldMk cId="2106819999" sldId="3407"/>
            <ac:spMk id="10" creationId="{F77EAFA8-8518-F322-0F23-CFC4E5DBD121}"/>
          </ac:spMkLst>
        </pc:spChg>
        <pc:spChg chg="add mod">
          <ac:chgData name="Abe,YutakaTKZIM" userId="4ea0f8c6-cb00-4a5a-9642-b208e11f484d" providerId="ADAL" clId="{DF643A51-0D77-4B0F-8B72-970EFD7718EC}" dt="2024-12-25T03:14:10.438" v="2469" actId="1076"/>
          <ac:spMkLst>
            <pc:docMk/>
            <pc:sldMk cId="2106819999" sldId="3407"/>
            <ac:spMk id="11" creationId="{A0EF452E-44E4-4A9C-80A5-5D8A341DBF89}"/>
          </ac:spMkLst>
        </pc:spChg>
        <pc:spChg chg="mod">
          <ac:chgData name="Abe,YutakaTKZIM" userId="4ea0f8c6-cb00-4a5a-9642-b208e11f484d" providerId="ADAL" clId="{DF643A51-0D77-4B0F-8B72-970EFD7718EC}" dt="2024-12-23T04:36:44.675" v="1423" actId="20577"/>
          <ac:spMkLst>
            <pc:docMk/>
            <pc:sldMk cId="2106819999" sldId="3407"/>
            <ac:spMk id="13" creationId="{EBE2DD77-0A49-91FF-7D8C-86779E8DC1F5}"/>
          </ac:spMkLst>
        </pc:spChg>
        <pc:spChg chg="add mod">
          <ac:chgData name="Abe,YutakaTKZIM" userId="4ea0f8c6-cb00-4a5a-9642-b208e11f484d" providerId="ADAL" clId="{DF643A51-0D77-4B0F-8B72-970EFD7718EC}" dt="2024-12-25T03:14:10.438" v="2469" actId="1076"/>
          <ac:spMkLst>
            <pc:docMk/>
            <pc:sldMk cId="2106819999" sldId="3407"/>
            <ac:spMk id="15" creationId="{C284365A-F00F-659E-9707-2EDB5368C355}"/>
          </ac:spMkLst>
        </pc:spChg>
        <pc:spChg chg="add mod">
          <ac:chgData name="Abe,YutakaTKZIM" userId="4ea0f8c6-cb00-4a5a-9642-b208e11f484d" providerId="ADAL" clId="{DF643A51-0D77-4B0F-8B72-970EFD7718EC}" dt="2024-12-25T03:14:10.438" v="2469" actId="1076"/>
          <ac:spMkLst>
            <pc:docMk/>
            <pc:sldMk cId="2106819999" sldId="3407"/>
            <ac:spMk id="16" creationId="{A164F6C0-958D-A8BD-512B-4B72ACA29104}"/>
          </ac:spMkLst>
        </pc:spChg>
        <pc:spChg chg="add mod">
          <ac:chgData name="Abe,YutakaTKZIM" userId="4ea0f8c6-cb00-4a5a-9642-b208e11f484d" providerId="ADAL" clId="{DF643A51-0D77-4B0F-8B72-970EFD7718EC}" dt="2024-12-25T03:14:10.438" v="2469" actId="1076"/>
          <ac:spMkLst>
            <pc:docMk/>
            <pc:sldMk cId="2106819999" sldId="3407"/>
            <ac:spMk id="17" creationId="{184FC6F6-0E89-16E4-68C1-1CE296CBFA15}"/>
          </ac:spMkLst>
        </pc:spChg>
        <pc:spChg chg="add mod">
          <ac:chgData name="Abe,YutakaTKZIM" userId="4ea0f8c6-cb00-4a5a-9642-b208e11f484d" providerId="ADAL" clId="{DF643A51-0D77-4B0F-8B72-970EFD7718EC}" dt="2024-12-25T03:14:10.438" v="2469" actId="1076"/>
          <ac:spMkLst>
            <pc:docMk/>
            <pc:sldMk cId="2106819999" sldId="3407"/>
            <ac:spMk id="18" creationId="{F258737F-4333-10FA-5D59-08E90D984FD4}"/>
          </ac:spMkLst>
        </pc:spChg>
        <pc:spChg chg="add mod">
          <ac:chgData name="Abe,YutakaTKZIM" userId="4ea0f8c6-cb00-4a5a-9642-b208e11f484d" providerId="ADAL" clId="{DF643A51-0D77-4B0F-8B72-970EFD7718EC}" dt="2024-12-25T03:14:10.438" v="2469" actId="1076"/>
          <ac:spMkLst>
            <pc:docMk/>
            <pc:sldMk cId="2106819999" sldId="3407"/>
            <ac:spMk id="19" creationId="{ED5EA6EF-8FA9-6F46-7750-38BB336C7648}"/>
          </ac:spMkLst>
        </pc:spChg>
        <pc:spChg chg="add mod">
          <ac:chgData name="Abe,YutakaTKZIM" userId="4ea0f8c6-cb00-4a5a-9642-b208e11f484d" providerId="ADAL" clId="{DF643A51-0D77-4B0F-8B72-970EFD7718EC}" dt="2024-12-25T03:14:10.438" v="2469" actId="1076"/>
          <ac:spMkLst>
            <pc:docMk/>
            <pc:sldMk cId="2106819999" sldId="3407"/>
            <ac:spMk id="20" creationId="{9C1ECB68-9ECD-B3C9-F1B5-9EF8044188C3}"/>
          </ac:spMkLst>
        </pc:spChg>
        <pc:spChg chg="add mod">
          <ac:chgData name="Abe,YutakaTKZIM" userId="4ea0f8c6-cb00-4a5a-9642-b208e11f484d" providerId="ADAL" clId="{DF643A51-0D77-4B0F-8B72-970EFD7718EC}" dt="2024-12-25T03:14:10.438" v="2469" actId="1076"/>
          <ac:spMkLst>
            <pc:docMk/>
            <pc:sldMk cId="2106819999" sldId="3407"/>
            <ac:spMk id="26" creationId="{EF6A0910-45ED-547D-2640-5818193B19D4}"/>
          </ac:spMkLst>
        </pc:spChg>
        <pc:spChg chg="add mod">
          <ac:chgData name="Abe,YutakaTKZIM" userId="4ea0f8c6-cb00-4a5a-9642-b208e11f484d" providerId="ADAL" clId="{DF643A51-0D77-4B0F-8B72-970EFD7718EC}" dt="2024-12-25T03:14:10.438" v="2469" actId="1076"/>
          <ac:spMkLst>
            <pc:docMk/>
            <pc:sldMk cId="2106819999" sldId="3407"/>
            <ac:spMk id="27" creationId="{B5C1D338-5D58-08CA-3953-159CDDB6DE36}"/>
          </ac:spMkLst>
        </pc:spChg>
        <pc:spChg chg="add mod">
          <ac:chgData name="Abe,YutakaTKZIM" userId="4ea0f8c6-cb00-4a5a-9642-b208e11f484d" providerId="ADAL" clId="{DF643A51-0D77-4B0F-8B72-970EFD7718EC}" dt="2024-12-25T03:14:10.438" v="2469" actId="1076"/>
          <ac:spMkLst>
            <pc:docMk/>
            <pc:sldMk cId="2106819999" sldId="3407"/>
            <ac:spMk id="28" creationId="{E0984527-42C5-1DCE-6A7F-1AD7D134DD37}"/>
          </ac:spMkLst>
        </pc:spChg>
        <pc:spChg chg="add mod">
          <ac:chgData name="Abe,YutakaTKZIM" userId="4ea0f8c6-cb00-4a5a-9642-b208e11f484d" providerId="ADAL" clId="{DF643A51-0D77-4B0F-8B72-970EFD7718EC}" dt="2024-12-25T03:14:10.438" v="2469" actId="1076"/>
          <ac:spMkLst>
            <pc:docMk/>
            <pc:sldMk cId="2106819999" sldId="3407"/>
            <ac:spMk id="29" creationId="{EB9FFFAC-8F1E-A6BC-5158-D698F1568A1C}"/>
          </ac:spMkLst>
        </pc:spChg>
        <pc:grpChg chg="add mod">
          <ac:chgData name="Abe,YutakaTKZIM" userId="4ea0f8c6-cb00-4a5a-9642-b208e11f484d" providerId="ADAL" clId="{DF643A51-0D77-4B0F-8B72-970EFD7718EC}" dt="2024-12-25T03:14:10.438" v="2469" actId="1076"/>
          <ac:grpSpMkLst>
            <pc:docMk/>
            <pc:sldMk cId="2106819999" sldId="3407"/>
            <ac:grpSpMk id="34" creationId="{5E073795-1F2D-CEF9-214F-72D25BA0FE63}"/>
          </ac:grpSpMkLst>
        </pc:grpChg>
        <pc:picChg chg="add del mod">
          <ac:chgData name="Abe,YutakaTKZIM" userId="4ea0f8c6-cb00-4a5a-9642-b208e11f484d" providerId="ADAL" clId="{DF643A51-0D77-4B0F-8B72-970EFD7718EC}" dt="2024-12-24T23:31:04.910" v="1503" actId="478"/>
          <ac:picMkLst>
            <pc:docMk/>
            <pc:sldMk cId="2106819999" sldId="3407"/>
            <ac:picMk id="3" creationId="{650569B5-517B-2C93-2F99-30E61CE9C450}"/>
          </ac:picMkLst>
        </pc:picChg>
        <pc:picChg chg="add mod">
          <ac:chgData name="Abe,YutakaTKZIM" userId="4ea0f8c6-cb00-4a5a-9642-b208e11f484d" providerId="ADAL" clId="{DF643A51-0D77-4B0F-8B72-970EFD7718EC}" dt="2024-12-25T03:14:13.215" v="2470" actId="14100"/>
          <ac:picMkLst>
            <pc:docMk/>
            <pc:sldMk cId="2106819999" sldId="3407"/>
            <ac:picMk id="5" creationId="{A3C919EC-BB49-C84C-05A6-0FA2DBB8D37E}"/>
          </ac:picMkLst>
        </pc:picChg>
        <pc:picChg chg="add del mod">
          <ac:chgData name="Abe,YutakaTKZIM" userId="4ea0f8c6-cb00-4a5a-9642-b208e11f484d" providerId="ADAL" clId="{DF643A51-0D77-4B0F-8B72-970EFD7718EC}" dt="2024-12-25T02:51:20.246" v="2364" actId="478"/>
          <ac:picMkLst>
            <pc:docMk/>
            <pc:sldMk cId="2106819999" sldId="3407"/>
            <ac:picMk id="14" creationId="{D38CE9E7-479B-1FBA-AA06-E26ED5BC12A5}"/>
          </ac:picMkLst>
        </pc:picChg>
        <pc:picChg chg="add mod ord">
          <ac:chgData name="Abe,YutakaTKZIM" userId="4ea0f8c6-cb00-4a5a-9642-b208e11f484d" providerId="ADAL" clId="{DF643A51-0D77-4B0F-8B72-970EFD7718EC}" dt="2024-12-25T03:14:10.438" v="2469" actId="1076"/>
          <ac:picMkLst>
            <pc:docMk/>
            <pc:sldMk cId="2106819999" sldId="3407"/>
            <ac:picMk id="31" creationId="{4732ED55-6A38-ED1F-DD3E-3945BC299E46}"/>
          </ac:picMkLst>
        </pc:picChg>
        <pc:picChg chg="add mod">
          <ac:chgData name="Abe,YutakaTKZIM" userId="4ea0f8c6-cb00-4a5a-9642-b208e11f484d" providerId="ADAL" clId="{DF643A51-0D77-4B0F-8B72-970EFD7718EC}" dt="2024-12-25T03:14:10.438" v="2469" actId="1076"/>
          <ac:picMkLst>
            <pc:docMk/>
            <pc:sldMk cId="2106819999" sldId="3407"/>
            <ac:picMk id="33" creationId="{3F187BAA-AAFF-007C-EADB-EC8923E739C4}"/>
          </ac:picMkLst>
        </pc:picChg>
        <pc:picChg chg="add mod">
          <ac:chgData name="Abe,YutakaTKZIM" userId="4ea0f8c6-cb00-4a5a-9642-b208e11f484d" providerId="ADAL" clId="{DF643A51-0D77-4B0F-8B72-970EFD7718EC}" dt="2024-12-25T03:14:10.438" v="2469" actId="1076"/>
          <ac:picMkLst>
            <pc:docMk/>
            <pc:sldMk cId="2106819999" sldId="3407"/>
            <ac:picMk id="2050" creationId="{CB2F794D-A80F-271D-23E5-896F02252E6E}"/>
          </ac:picMkLst>
        </pc:picChg>
        <pc:cxnChg chg="add mod">
          <ac:chgData name="Abe,YutakaTKZIM" userId="4ea0f8c6-cb00-4a5a-9642-b208e11f484d" providerId="ADAL" clId="{DF643A51-0D77-4B0F-8B72-970EFD7718EC}" dt="2024-12-25T03:14:10.438" v="2469" actId="1076"/>
          <ac:cxnSpMkLst>
            <pc:docMk/>
            <pc:sldMk cId="2106819999" sldId="3407"/>
            <ac:cxnSpMk id="22" creationId="{41925DBD-6C96-EDE4-1FB5-24E0D69B785C}"/>
          </ac:cxnSpMkLst>
        </pc:cxnChg>
        <pc:cxnChg chg="add mod">
          <ac:chgData name="Abe,YutakaTKZIM" userId="4ea0f8c6-cb00-4a5a-9642-b208e11f484d" providerId="ADAL" clId="{DF643A51-0D77-4B0F-8B72-970EFD7718EC}" dt="2024-12-25T03:14:10.438" v="2469" actId="1076"/>
          <ac:cxnSpMkLst>
            <pc:docMk/>
            <pc:sldMk cId="2106819999" sldId="3407"/>
            <ac:cxnSpMk id="23" creationId="{90BC3191-350E-13A0-F124-0E1728C880E3}"/>
          </ac:cxnSpMkLst>
        </pc:cxnChg>
      </pc:sldChg>
      <pc:sldChg chg="addSp delSp modSp add mod ord">
        <pc:chgData name="Abe,YutakaTKZIM" userId="4ea0f8c6-cb00-4a5a-9642-b208e11f484d" providerId="ADAL" clId="{DF643A51-0D77-4B0F-8B72-970EFD7718EC}" dt="2024-12-25T02:16:21.365" v="1794" actId="22"/>
        <pc:sldMkLst>
          <pc:docMk/>
          <pc:sldMk cId="3949093273" sldId="3408"/>
        </pc:sldMkLst>
        <pc:picChg chg="del">
          <ac:chgData name="Abe,YutakaTKZIM" userId="4ea0f8c6-cb00-4a5a-9642-b208e11f484d" providerId="ADAL" clId="{DF643A51-0D77-4B0F-8B72-970EFD7718EC}" dt="2024-12-24T23:25:34.622" v="1466" actId="478"/>
          <ac:picMkLst>
            <pc:docMk/>
            <pc:sldMk cId="3949093273" sldId="3408"/>
            <ac:picMk id="3" creationId="{650569B5-517B-2C93-2F99-30E61CE9C450}"/>
          </ac:picMkLst>
        </pc:picChg>
        <pc:picChg chg="add mod">
          <ac:chgData name="Abe,YutakaTKZIM" userId="4ea0f8c6-cb00-4a5a-9642-b208e11f484d" providerId="ADAL" clId="{DF643A51-0D77-4B0F-8B72-970EFD7718EC}" dt="2024-12-24T23:31:21.391" v="1507" actId="1076"/>
          <ac:picMkLst>
            <pc:docMk/>
            <pc:sldMk cId="3949093273" sldId="3408"/>
            <ac:picMk id="4" creationId="{5753048B-E6AD-12AA-0565-32BEA8A6F21B}"/>
          </ac:picMkLst>
        </pc:picChg>
        <pc:picChg chg="add del">
          <ac:chgData name="Abe,YutakaTKZIM" userId="4ea0f8c6-cb00-4a5a-9642-b208e11f484d" providerId="ADAL" clId="{DF643A51-0D77-4B0F-8B72-970EFD7718EC}" dt="2024-12-25T02:16:21.365" v="1794" actId="22"/>
          <ac:picMkLst>
            <pc:docMk/>
            <pc:sldMk cId="3949093273" sldId="3408"/>
            <ac:picMk id="6" creationId="{92E96DDC-271B-C3C1-C36F-922D422E9319}"/>
          </ac:picMkLst>
        </pc:picChg>
      </pc:sldChg>
      <pc:sldChg chg="addSp delSp modSp add mod ord">
        <pc:chgData name="Abe,YutakaTKZIM" userId="4ea0f8c6-cb00-4a5a-9642-b208e11f484d" providerId="ADAL" clId="{DF643A51-0D77-4B0F-8B72-970EFD7718EC}" dt="2024-12-25T01:51:52.470" v="1574"/>
        <pc:sldMkLst>
          <pc:docMk/>
          <pc:sldMk cId="441769272" sldId="3409"/>
        </pc:sldMkLst>
        <pc:picChg chg="add mod">
          <ac:chgData name="Abe,YutakaTKZIM" userId="4ea0f8c6-cb00-4a5a-9642-b208e11f484d" providerId="ADAL" clId="{DF643A51-0D77-4B0F-8B72-970EFD7718EC}" dt="2024-12-24T23:26:49.844" v="1477" actId="1076"/>
          <ac:picMkLst>
            <pc:docMk/>
            <pc:sldMk cId="441769272" sldId="3409"/>
            <ac:picMk id="3" creationId="{D96F3B6C-18F0-E812-BEEC-3AE93EF06B5D}"/>
          </ac:picMkLst>
        </pc:picChg>
        <pc:picChg chg="del">
          <ac:chgData name="Abe,YutakaTKZIM" userId="4ea0f8c6-cb00-4a5a-9642-b208e11f484d" providerId="ADAL" clId="{DF643A51-0D77-4B0F-8B72-970EFD7718EC}" dt="2024-12-24T23:25:56.082" v="1469" actId="478"/>
          <ac:picMkLst>
            <pc:docMk/>
            <pc:sldMk cId="441769272" sldId="3409"/>
            <ac:picMk id="4" creationId="{5753048B-E6AD-12AA-0565-32BEA8A6F21B}"/>
          </ac:picMkLst>
        </pc:picChg>
      </pc:sldChg>
      <pc:sldChg chg="addSp delSp modSp add mod ord">
        <pc:chgData name="Abe,YutakaTKZIM" userId="4ea0f8c6-cb00-4a5a-9642-b208e11f484d" providerId="ADAL" clId="{DF643A51-0D77-4B0F-8B72-970EFD7718EC}" dt="2024-12-25T01:51:52.470" v="1574"/>
        <pc:sldMkLst>
          <pc:docMk/>
          <pc:sldMk cId="3100214461" sldId="3410"/>
        </pc:sldMkLst>
        <pc:picChg chg="del">
          <ac:chgData name="Abe,YutakaTKZIM" userId="4ea0f8c6-cb00-4a5a-9642-b208e11f484d" providerId="ADAL" clId="{DF643A51-0D77-4B0F-8B72-970EFD7718EC}" dt="2024-12-24T23:26:39.814" v="1472" actId="478"/>
          <ac:picMkLst>
            <pc:docMk/>
            <pc:sldMk cId="3100214461" sldId="3410"/>
            <ac:picMk id="3" creationId="{D96F3B6C-18F0-E812-BEEC-3AE93EF06B5D}"/>
          </ac:picMkLst>
        </pc:picChg>
        <pc:picChg chg="add mod">
          <ac:chgData name="Abe,YutakaTKZIM" userId="4ea0f8c6-cb00-4a5a-9642-b208e11f484d" providerId="ADAL" clId="{DF643A51-0D77-4B0F-8B72-970EFD7718EC}" dt="2024-12-24T23:26:44.921" v="1475" actId="1076"/>
          <ac:picMkLst>
            <pc:docMk/>
            <pc:sldMk cId="3100214461" sldId="3410"/>
            <ac:picMk id="4" creationId="{E3C0FE26-08BC-2A32-72D4-F8C549A40C6E}"/>
          </ac:picMkLst>
        </pc:picChg>
      </pc:sldChg>
      <pc:sldChg chg="addSp delSp modSp add mod ord">
        <pc:chgData name="Abe,YutakaTKZIM" userId="4ea0f8c6-cb00-4a5a-9642-b208e11f484d" providerId="ADAL" clId="{DF643A51-0D77-4B0F-8B72-970EFD7718EC}" dt="2024-12-25T01:51:52.470" v="1574"/>
        <pc:sldMkLst>
          <pc:docMk/>
          <pc:sldMk cId="4013500045" sldId="3411"/>
        </pc:sldMkLst>
        <pc:picChg chg="add mod">
          <ac:chgData name="Abe,YutakaTKZIM" userId="4ea0f8c6-cb00-4a5a-9642-b208e11f484d" providerId="ADAL" clId="{DF643A51-0D77-4B0F-8B72-970EFD7718EC}" dt="2024-12-24T23:27:14.013" v="1484" actId="1076"/>
          <ac:picMkLst>
            <pc:docMk/>
            <pc:sldMk cId="4013500045" sldId="3411"/>
            <ac:picMk id="3" creationId="{BCA3C86A-4D41-6947-A622-07F16462CBD7}"/>
          </ac:picMkLst>
        </pc:picChg>
        <pc:picChg chg="del">
          <ac:chgData name="Abe,YutakaTKZIM" userId="4ea0f8c6-cb00-4a5a-9642-b208e11f484d" providerId="ADAL" clId="{DF643A51-0D77-4B0F-8B72-970EFD7718EC}" dt="2024-12-24T23:26:53.898" v="1479" actId="478"/>
          <ac:picMkLst>
            <pc:docMk/>
            <pc:sldMk cId="4013500045" sldId="3411"/>
            <ac:picMk id="4" creationId="{E3C0FE26-08BC-2A32-72D4-F8C549A40C6E}"/>
          </ac:picMkLst>
        </pc:picChg>
      </pc:sldChg>
      <pc:sldChg chg="addSp delSp modSp add mod ord">
        <pc:chgData name="Abe,YutakaTKZIM" userId="4ea0f8c6-cb00-4a5a-9642-b208e11f484d" providerId="ADAL" clId="{DF643A51-0D77-4B0F-8B72-970EFD7718EC}" dt="2024-12-25T01:51:52.470" v="1574"/>
        <pc:sldMkLst>
          <pc:docMk/>
          <pc:sldMk cId="902369903" sldId="3412"/>
        </pc:sldMkLst>
        <pc:picChg chg="del">
          <ac:chgData name="Abe,YutakaTKZIM" userId="4ea0f8c6-cb00-4a5a-9642-b208e11f484d" providerId="ADAL" clId="{DF643A51-0D77-4B0F-8B72-970EFD7718EC}" dt="2024-12-24T23:27:17.897" v="1486" actId="478"/>
          <ac:picMkLst>
            <pc:docMk/>
            <pc:sldMk cId="902369903" sldId="3412"/>
            <ac:picMk id="3" creationId="{BCA3C86A-4D41-6947-A622-07F16462CBD7}"/>
          </ac:picMkLst>
        </pc:picChg>
        <pc:picChg chg="add mod">
          <ac:chgData name="Abe,YutakaTKZIM" userId="4ea0f8c6-cb00-4a5a-9642-b208e11f484d" providerId="ADAL" clId="{DF643A51-0D77-4B0F-8B72-970EFD7718EC}" dt="2024-12-24T23:27:35.926" v="1489" actId="1076"/>
          <ac:picMkLst>
            <pc:docMk/>
            <pc:sldMk cId="902369903" sldId="3412"/>
            <ac:picMk id="4" creationId="{CFAD8441-B04B-DACB-C5F4-F46988956701}"/>
          </ac:picMkLst>
        </pc:picChg>
      </pc:sldChg>
      <pc:sldChg chg="addSp delSp modSp add del mod ord">
        <pc:chgData name="Abe,YutakaTKZIM" userId="4ea0f8c6-cb00-4a5a-9642-b208e11f484d" providerId="ADAL" clId="{DF643A51-0D77-4B0F-8B72-970EFD7718EC}" dt="2024-12-25T01:52:25.606" v="1576"/>
        <pc:sldMkLst>
          <pc:docMk/>
          <pc:sldMk cId="748795045" sldId="3413"/>
        </pc:sldMkLst>
        <pc:picChg chg="add mod">
          <ac:chgData name="Abe,YutakaTKZIM" userId="4ea0f8c6-cb00-4a5a-9642-b208e11f484d" providerId="ADAL" clId="{DF643A51-0D77-4B0F-8B72-970EFD7718EC}" dt="2024-12-24T23:28:02.219" v="1494" actId="1076"/>
          <ac:picMkLst>
            <pc:docMk/>
            <pc:sldMk cId="748795045" sldId="3413"/>
            <ac:picMk id="3" creationId="{591E923C-79F5-812A-FEC2-0580C4DDA3E3}"/>
          </ac:picMkLst>
        </pc:picChg>
        <pc:picChg chg="del">
          <ac:chgData name="Abe,YutakaTKZIM" userId="4ea0f8c6-cb00-4a5a-9642-b208e11f484d" providerId="ADAL" clId="{DF643A51-0D77-4B0F-8B72-970EFD7718EC}" dt="2024-12-24T23:27:39.756" v="1491" actId="478"/>
          <ac:picMkLst>
            <pc:docMk/>
            <pc:sldMk cId="748795045" sldId="3413"/>
            <ac:picMk id="4" creationId="{CFAD8441-B04B-DACB-C5F4-F46988956701}"/>
          </ac:picMkLst>
        </pc:picChg>
      </pc:sldChg>
      <pc:sldChg chg="addSp delSp modSp add mod ord">
        <pc:chgData name="Abe,YutakaTKZIM" userId="4ea0f8c6-cb00-4a5a-9642-b208e11f484d" providerId="ADAL" clId="{DF643A51-0D77-4B0F-8B72-970EFD7718EC}" dt="2024-12-25T01:52:25.606" v="1576"/>
        <pc:sldMkLst>
          <pc:docMk/>
          <pc:sldMk cId="978456352" sldId="3414"/>
        </pc:sldMkLst>
        <pc:picChg chg="del">
          <ac:chgData name="Abe,YutakaTKZIM" userId="4ea0f8c6-cb00-4a5a-9642-b208e11f484d" providerId="ADAL" clId="{DF643A51-0D77-4B0F-8B72-970EFD7718EC}" dt="2024-12-24T23:28:22.813" v="1498" actId="478"/>
          <ac:picMkLst>
            <pc:docMk/>
            <pc:sldMk cId="978456352" sldId="3414"/>
            <ac:picMk id="3" creationId="{591E923C-79F5-812A-FEC2-0580C4DDA3E3}"/>
          </ac:picMkLst>
        </pc:picChg>
        <pc:picChg chg="add mod">
          <ac:chgData name="Abe,YutakaTKZIM" userId="4ea0f8c6-cb00-4a5a-9642-b208e11f484d" providerId="ADAL" clId="{DF643A51-0D77-4B0F-8B72-970EFD7718EC}" dt="2024-12-24T23:28:28.627" v="1501" actId="1076"/>
          <ac:picMkLst>
            <pc:docMk/>
            <pc:sldMk cId="978456352" sldId="3414"/>
            <ac:picMk id="4" creationId="{9D31B08E-D825-2B0C-A272-90281A800C35}"/>
          </ac:picMkLst>
        </pc:picChg>
      </pc:sldChg>
      <pc:sldChg chg="add">
        <pc:chgData name="Abe,YutakaTKZIM" userId="4ea0f8c6-cb00-4a5a-9642-b208e11f484d" providerId="ADAL" clId="{DF643A51-0D77-4B0F-8B72-970EFD7718EC}" dt="2024-12-24T23:31:02.787" v="1502" actId="2890"/>
        <pc:sldMkLst>
          <pc:docMk/>
          <pc:sldMk cId="3608624730" sldId="3415"/>
        </pc:sldMkLst>
      </pc:sldChg>
      <pc:sldChg chg="modSp add mod ord">
        <pc:chgData name="Abe,YutakaTKZIM" userId="4ea0f8c6-cb00-4a5a-9642-b208e11f484d" providerId="ADAL" clId="{DF643A51-0D77-4B0F-8B72-970EFD7718EC}" dt="2024-12-25T01:42:05.299" v="1531"/>
        <pc:sldMkLst>
          <pc:docMk/>
          <pc:sldMk cId="483344577" sldId="3416"/>
        </pc:sldMkLst>
        <pc:spChg chg="mod">
          <ac:chgData name="Abe,YutakaTKZIM" userId="4ea0f8c6-cb00-4a5a-9642-b208e11f484d" providerId="ADAL" clId="{DF643A51-0D77-4B0F-8B72-970EFD7718EC}" dt="2024-12-25T01:41:58.217" v="1529" actId="6549"/>
          <ac:spMkLst>
            <pc:docMk/>
            <pc:sldMk cId="483344577" sldId="3416"/>
            <ac:spMk id="3" creationId="{42E70F4F-0068-BA4F-86DA-069E75A81E2D}"/>
          </ac:spMkLst>
        </pc:spChg>
      </pc:sldChg>
      <pc:sldChg chg="delSp add del mod">
        <pc:chgData name="Abe,YutakaTKZIM" userId="4ea0f8c6-cb00-4a5a-9642-b208e11f484d" providerId="ADAL" clId="{DF643A51-0D77-4B0F-8B72-970EFD7718EC}" dt="2024-12-24T23:36:01.848" v="1511" actId="2696"/>
        <pc:sldMkLst>
          <pc:docMk/>
          <pc:sldMk cId="569231724" sldId="3416"/>
        </pc:sldMkLst>
        <pc:spChg chg="del">
          <ac:chgData name="Abe,YutakaTKZIM" userId="4ea0f8c6-cb00-4a5a-9642-b208e11f484d" providerId="ADAL" clId="{DF643A51-0D77-4B0F-8B72-970EFD7718EC}" dt="2024-12-24T23:35:54.277" v="1509" actId="478"/>
          <ac:spMkLst>
            <pc:docMk/>
            <pc:sldMk cId="569231724" sldId="3416"/>
            <ac:spMk id="4" creationId="{00000000-0000-0000-0000-000000000000}"/>
          </ac:spMkLst>
        </pc:spChg>
        <pc:spChg chg="del">
          <ac:chgData name="Abe,YutakaTKZIM" userId="4ea0f8c6-cb00-4a5a-9642-b208e11f484d" providerId="ADAL" clId="{DF643A51-0D77-4B0F-8B72-970EFD7718EC}" dt="2024-12-24T23:35:54.277" v="1509" actId="478"/>
          <ac:spMkLst>
            <pc:docMk/>
            <pc:sldMk cId="569231724" sldId="3416"/>
            <ac:spMk id="8" creationId="{00000000-0000-0000-0000-000000000000}"/>
          </ac:spMkLst>
        </pc:spChg>
        <pc:spChg chg="del">
          <ac:chgData name="Abe,YutakaTKZIM" userId="4ea0f8c6-cb00-4a5a-9642-b208e11f484d" providerId="ADAL" clId="{DF643A51-0D77-4B0F-8B72-970EFD7718EC}" dt="2024-12-24T23:35:54.277" v="1509" actId="478"/>
          <ac:spMkLst>
            <pc:docMk/>
            <pc:sldMk cId="569231724" sldId="3416"/>
            <ac:spMk id="9" creationId="{00000000-0000-0000-0000-000000000000}"/>
          </ac:spMkLst>
        </pc:spChg>
        <pc:spChg chg="del">
          <ac:chgData name="Abe,YutakaTKZIM" userId="4ea0f8c6-cb00-4a5a-9642-b208e11f484d" providerId="ADAL" clId="{DF643A51-0D77-4B0F-8B72-970EFD7718EC}" dt="2024-12-24T23:35:54.277" v="1509" actId="478"/>
          <ac:spMkLst>
            <pc:docMk/>
            <pc:sldMk cId="569231724" sldId="3416"/>
            <ac:spMk id="21" creationId="{00000000-0000-0000-0000-000000000000}"/>
          </ac:spMkLst>
        </pc:spChg>
        <pc:spChg chg="del">
          <ac:chgData name="Abe,YutakaTKZIM" userId="4ea0f8c6-cb00-4a5a-9642-b208e11f484d" providerId="ADAL" clId="{DF643A51-0D77-4B0F-8B72-970EFD7718EC}" dt="2024-12-24T23:35:54.277" v="1509" actId="478"/>
          <ac:spMkLst>
            <pc:docMk/>
            <pc:sldMk cId="569231724" sldId="3416"/>
            <ac:spMk id="37" creationId="{00000000-0000-0000-0000-000000000000}"/>
          </ac:spMkLst>
        </pc:spChg>
        <pc:spChg chg="del">
          <ac:chgData name="Abe,YutakaTKZIM" userId="4ea0f8c6-cb00-4a5a-9642-b208e11f484d" providerId="ADAL" clId="{DF643A51-0D77-4B0F-8B72-970EFD7718EC}" dt="2024-12-24T23:35:54.277" v="1509" actId="478"/>
          <ac:spMkLst>
            <pc:docMk/>
            <pc:sldMk cId="569231724" sldId="3416"/>
            <ac:spMk id="42" creationId="{00000000-0000-0000-0000-000000000000}"/>
          </ac:spMkLst>
        </pc:spChg>
        <pc:spChg chg="del">
          <ac:chgData name="Abe,YutakaTKZIM" userId="4ea0f8c6-cb00-4a5a-9642-b208e11f484d" providerId="ADAL" clId="{DF643A51-0D77-4B0F-8B72-970EFD7718EC}" dt="2024-12-24T23:35:54.277" v="1509" actId="478"/>
          <ac:spMkLst>
            <pc:docMk/>
            <pc:sldMk cId="569231724" sldId="3416"/>
            <ac:spMk id="47" creationId="{00000000-0000-0000-0000-000000000000}"/>
          </ac:spMkLst>
        </pc:spChg>
        <pc:grpChg chg="del">
          <ac:chgData name="Abe,YutakaTKZIM" userId="4ea0f8c6-cb00-4a5a-9642-b208e11f484d" providerId="ADAL" clId="{DF643A51-0D77-4B0F-8B72-970EFD7718EC}" dt="2024-12-24T23:35:54.277" v="1509" actId="478"/>
          <ac:grpSpMkLst>
            <pc:docMk/>
            <pc:sldMk cId="569231724" sldId="3416"/>
            <ac:grpSpMk id="10" creationId="{00000000-0000-0000-0000-000000000000}"/>
          </ac:grpSpMkLst>
        </pc:grpChg>
        <pc:grpChg chg="del">
          <ac:chgData name="Abe,YutakaTKZIM" userId="4ea0f8c6-cb00-4a5a-9642-b208e11f484d" providerId="ADAL" clId="{DF643A51-0D77-4B0F-8B72-970EFD7718EC}" dt="2024-12-24T23:35:54.277" v="1509" actId="478"/>
          <ac:grpSpMkLst>
            <pc:docMk/>
            <pc:sldMk cId="569231724" sldId="3416"/>
            <ac:grpSpMk id="22" creationId="{00000000-0000-0000-0000-000000000000}"/>
          </ac:grpSpMkLst>
        </pc:grpChg>
        <pc:grpChg chg="del">
          <ac:chgData name="Abe,YutakaTKZIM" userId="4ea0f8c6-cb00-4a5a-9642-b208e11f484d" providerId="ADAL" clId="{DF643A51-0D77-4B0F-8B72-970EFD7718EC}" dt="2024-12-24T23:35:54.277" v="1509" actId="478"/>
          <ac:grpSpMkLst>
            <pc:docMk/>
            <pc:sldMk cId="569231724" sldId="3416"/>
            <ac:grpSpMk id="38" creationId="{00000000-0000-0000-0000-000000000000}"/>
          </ac:grpSpMkLst>
        </pc:grpChg>
        <pc:grpChg chg="del">
          <ac:chgData name="Abe,YutakaTKZIM" userId="4ea0f8c6-cb00-4a5a-9642-b208e11f484d" providerId="ADAL" clId="{DF643A51-0D77-4B0F-8B72-970EFD7718EC}" dt="2024-12-24T23:35:54.277" v="1509" actId="478"/>
          <ac:grpSpMkLst>
            <pc:docMk/>
            <pc:sldMk cId="569231724" sldId="3416"/>
            <ac:grpSpMk id="43" creationId="{00000000-0000-0000-0000-000000000000}"/>
          </ac:grpSpMkLst>
        </pc:grpChg>
        <pc:picChg chg="del">
          <ac:chgData name="Abe,YutakaTKZIM" userId="4ea0f8c6-cb00-4a5a-9642-b208e11f484d" providerId="ADAL" clId="{DF643A51-0D77-4B0F-8B72-970EFD7718EC}" dt="2024-12-24T23:35:54.277" v="1509" actId="478"/>
          <ac:picMkLst>
            <pc:docMk/>
            <pc:sldMk cId="569231724" sldId="3416"/>
            <ac:picMk id="3" creationId="{00000000-0000-0000-0000-000000000000}"/>
          </ac:picMkLst>
        </pc:picChg>
      </pc:sldChg>
      <pc:sldChg chg="modSp add mod ord">
        <pc:chgData name="Abe,YutakaTKZIM" userId="4ea0f8c6-cb00-4a5a-9642-b208e11f484d" providerId="ADAL" clId="{DF643A51-0D77-4B0F-8B72-970EFD7718EC}" dt="2024-12-25T02:02:48.210" v="1718" actId="113"/>
        <pc:sldMkLst>
          <pc:docMk/>
          <pc:sldMk cId="2778806523" sldId="3417"/>
        </pc:sldMkLst>
        <pc:spChg chg="mod">
          <ac:chgData name="Abe,YutakaTKZIM" userId="4ea0f8c6-cb00-4a5a-9642-b208e11f484d" providerId="ADAL" clId="{DF643A51-0D77-4B0F-8B72-970EFD7718EC}" dt="2024-12-25T02:02:48.210" v="1718" actId="113"/>
          <ac:spMkLst>
            <pc:docMk/>
            <pc:sldMk cId="2778806523" sldId="3417"/>
            <ac:spMk id="3" creationId="{42E70F4F-0068-BA4F-86DA-069E75A81E2D}"/>
          </ac:spMkLst>
        </pc:spChg>
      </pc:sldChg>
      <pc:sldChg chg="addSp delSp modSp add mod">
        <pc:chgData name="Abe,YutakaTKZIM" userId="4ea0f8c6-cb00-4a5a-9642-b208e11f484d" providerId="ADAL" clId="{DF643A51-0D77-4B0F-8B72-970EFD7718EC}" dt="2024-12-25T01:58:54.953" v="1634" actId="1076"/>
        <pc:sldMkLst>
          <pc:docMk/>
          <pc:sldMk cId="1307546608" sldId="3418"/>
        </pc:sldMkLst>
        <pc:spChg chg="add del mod">
          <ac:chgData name="Abe,YutakaTKZIM" userId="4ea0f8c6-cb00-4a5a-9642-b208e11f484d" providerId="ADAL" clId="{DF643A51-0D77-4B0F-8B72-970EFD7718EC}" dt="2024-12-25T01:57:44.424" v="1630" actId="478"/>
          <ac:spMkLst>
            <pc:docMk/>
            <pc:sldMk cId="1307546608" sldId="3418"/>
            <ac:spMk id="3" creationId="{9E71C402-1876-973F-AFA1-2D05616BAD68}"/>
          </ac:spMkLst>
        </pc:spChg>
        <pc:spChg chg="add mod">
          <ac:chgData name="Abe,YutakaTKZIM" userId="4ea0f8c6-cb00-4a5a-9642-b208e11f484d" providerId="ADAL" clId="{DF643A51-0D77-4B0F-8B72-970EFD7718EC}" dt="2024-12-25T01:57:49.089" v="1631" actId="1076"/>
          <ac:spMkLst>
            <pc:docMk/>
            <pc:sldMk cId="1307546608" sldId="3418"/>
            <ac:spMk id="6" creationId="{69DCBC1C-848C-B5BB-599D-B7D9FB7CEF4D}"/>
          </ac:spMkLst>
        </pc:spChg>
        <pc:spChg chg="mod">
          <ac:chgData name="Abe,YutakaTKZIM" userId="4ea0f8c6-cb00-4a5a-9642-b208e11f484d" providerId="ADAL" clId="{DF643A51-0D77-4B0F-8B72-970EFD7718EC}" dt="2024-12-25T01:57:37.718" v="1629" actId="20577"/>
          <ac:spMkLst>
            <pc:docMk/>
            <pc:sldMk cId="1307546608" sldId="3418"/>
            <ac:spMk id="13" creationId="{EBE2DD77-0A49-91FF-7D8C-86779E8DC1F5}"/>
          </ac:spMkLst>
        </pc:spChg>
        <pc:picChg chg="del">
          <ac:chgData name="Abe,YutakaTKZIM" userId="4ea0f8c6-cb00-4a5a-9642-b208e11f484d" providerId="ADAL" clId="{DF643A51-0D77-4B0F-8B72-970EFD7718EC}" dt="2024-12-25T01:52:50.243" v="1585" actId="478"/>
          <ac:picMkLst>
            <pc:docMk/>
            <pc:sldMk cId="1307546608" sldId="3418"/>
            <ac:picMk id="4" creationId="{5753048B-E6AD-12AA-0565-32BEA8A6F21B}"/>
          </ac:picMkLst>
        </pc:picChg>
        <pc:picChg chg="add mod">
          <ac:chgData name="Abe,YutakaTKZIM" userId="4ea0f8c6-cb00-4a5a-9642-b208e11f484d" providerId="ADAL" clId="{DF643A51-0D77-4B0F-8B72-970EFD7718EC}" dt="2024-12-25T01:58:54.953" v="1634" actId="1076"/>
          <ac:picMkLst>
            <pc:docMk/>
            <pc:sldMk cId="1307546608" sldId="3418"/>
            <ac:picMk id="8" creationId="{660E611D-0945-F24A-F70D-1CDEC1FEE09E}"/>
          </ac:picMkLst>
        </pc:picChg>
      </pc:sldChg>
      <pc:sldChg chg="addSp delSp modSp add mod">
        <pc:chgData name="Abe,YutakaTKZIM" userId="4ea0f8c6-cb00-4a5a-9642-b208e11f484d" providerId="ADAL" clId="{DF643A51-0D77-4B0F-8B72-970EFD7718EC}" dt="2024-12-25T02:01:27.176" v="1680" actId="1076"/>
        <pc:sldMkLst>
          <pc:docMk/>
          <pc:sldMk cId="2744694472" sldId="3419"/>
        </pc:sldMkLst>
        <pc:spChg chg="mod">
          <ac:chgData name="Abe,YutakaTKZIM" userId="4ea0f8c6-cb00-4a5a-9642-b208e11f484d" providerId="ADAL" clId="{DF643A51-0D77-4B0F-8B72-970EFD7718EC}" dt="2024-12-25T02:00:38.030" v="1677" actId="20577"/>
          <ac:spMkLst>
            <pc:docMk/>
            <pc:sldMk cId="2744694472" sldId="3419"/>
            <ac:spMk id="13" creationId="{EBE2DD77-0A49-91FF-7D8C-86779E8DC1F5}"/>
          </ac:spMkLst>
        </pc:spChg>
        <pc:picChg chg="add mod">
          <ac:chgData name="Abe,YutakaTKZIM" userId="4ea0f8c6-cb00-4a5a-9642-b208e11f484d" providerId="ADAL" clId="{DF643A51-0D77-4B0F-8B72-970EFD7718EC}" dt="2024-12-25T02:00:26.584" v="1640" actId="1076"/>
          <ac:picMkLst>
            <pc:docMk/>
            <pc:sldMk cId="2744694472" sldId="3419"/>
            <ac:picMk id="3" creationId="{599106DD-4D66-CE07-3D93-AE695D641E86}"/>
          </ac:picMkLst>
        </pc:picChg>
        <pc:picChg chg="del">
          <ac:chgData name="Abe,YutakaTKZIM" userId="4ea0f8c6-cb00-4a5a-9642-b208e11f484d" providerId="ADAL" clId="{DF643A51-0D77-4B0F-8B72-970EFD7718EC}" dt="2024-12-25T02:00:18.531" v="1636" actId="478"/>
          <ac:picMkLst>
            <pc:docMk/>
            <pc:sldMk cId="2744694472" sldId="3419"/>
            <ac:picMk id="5" creationId="{A3C919EC-BB49-C84C-05A6-0FA2DBB8D37E}"/>
          </ac:picMkLst>
        </pc:picChg>
        <pc:picChg chg="add mod">
          <ac:chgData name="Abe,YutakaTKZIM" userId="4ea0f8c6-cb00-4a5a-9642-b208e11f484d" providerId="ADAL" clId="{DF643A51-0D77-4B0F-8B72-970EFD7718EC}" dt="2024-12-25T02:01:27.176" v="1680" actId="1076"/>
          <ac:picMkLst>
            <pc:docMk/>
            <pc:sldMk cId="2744694472" sldId="3419"/>
            <ac:picMk id="6" creationId="{7E282A5D-D166-D58F-98BB-088F53E2E2B5}"/>
          </ac:picMkLst>
        </pc:picChg>
      </pc:sldChg>
      <pc:sldChg chg="addSp delSp modSp add mod">
        <pc:chgData name="Abe,YutakaTKZIM" userId="4ea0f8c6-cb00-4a5a-9642-b208e11f484d" providerId="ADAL" clId="{DF643A51-0D77-4B0F-8B72-970EFD7718EC}" dt="2024-12-25T02:03:53.449" v="1724" actId="1076"/>
        <pc:sldMkLst>
          <pc:docMk/>
          <pc:sldMk cId="32845523" sldId="3420"/>
        </pc:sldMkLst>
        <pc:spChg chg="del">
          <ac:chgData name="Abe,YutakaTKZIM" userId="4ea0f8c6-cb00-4a5a-9642-b208e11f484d" providerId="ADAL" clId="{DF643A51-0D77-4B0F-8B72-970EFD7718EC}" dt="2024-12-25T02:03:47.727" v="1721" actId="478"/>
          <ac:spMkLst>
            <pc:docMk/>
            <pc:sldMk cId="32845523" sldId="3420"/>
            <ac:spMk id="6" creationId="{69DCBC1C-848C-B5BB-599D-B7D9FB7CEF4D}"/>
          </ac:spMkLst>
        </pc:spChg>
        <pc:picChg chg="add mod">
          <ac:chgData name="Abe,YutakaTKZIM" userId="4ea0f8c6-cb00-4a5a-9642-b208e11f484d" providerId="ADAL" clId="{DF643A51-0D77-4B0F-8B72-970EFD7718EC}" dt="2024-12-25T02:03:53.449" v="1724" actId="1076"/>
          <ac:picMkLst>
            <pc:docMk/>
            <pc:sldMk cId="32845523" sldId="3420"/>
            <ac:picMk id="3" creationId="{EC617EBC-5582-CA75-BB71-463201FED555}"/>
          </ac:picMkLst>
        </pc:picChg>
        <pc:picChg chg="del">
          <ac:chgData name="Abe,YutakaTKZIM" userId="4ea0f8c6-cb00-4a5a-9642-b208e11f484d" providerId="ADAL" clId="{DF643A51-0D77-4B0F-8B72-970EFD7718EC}" dt="2024-12-25T02:03:45.756" v="1720" actId="478"/>
          <ac:picMkLst>
            <pc:docMk/>
            <pc:sldMk cId="32845523" sldId="3420"/>
            <ac:picMk id="8" creationId="{660E611D-0945-F24A-F70D-1CDEC1FEE09E}"/>
          </ac:picMkLst>
        </pc:picChg>
      </pc:sldChg>
      <pc:sldChg chg="addSp delSp modSp add mod">
        <pc:chgData name="Abe,YutakaTKZIM" userId="4ea0f8c6-cb00-4a5a-9642-b208e11f484d" providerId="ADAL" clId="{DF643A51-0D77-4B0F-8B72-970EFD7718EC}" dt="2024-12-25T02:04:43.100" v="1729" actId="1076"/>
        <pc:sldMkLst>
          <pc:docMk/>
          <pc:sldMk cId="317337530" sldId="3421"/>
        </pc:sldMkLst>
        <pc:picChg chg="del">
          <ac:chgData name="Abe,YutakaTKZIM" userId="4ea0f8c6-cb00-4a5a-9642-b208e11f484d" providerId="ADAL" clId="{DF643A51-0D77-4B0F-8B72-970EFD7718EC}" dt="2024-12-25T02:04:37.003" v="1726" actId="478"/>
          <ac:picMkLst>
            <pc:docMk/>
            <pc:sldMk cId="317337530" sldId="3421"/>
            <ac:picMk id="3" creationId="{EC617EBC-5582-CA75-BB71-463201FED555}"/>
          </ac:picMkLst>
        </pc:picChg>
        <pc:picChg chg="add mod">
          <ac:chgData name="Abe,YutakaTKZIM" userId="4ea0f8c6-cb00-4a5a-9642-b208e11f484d" providerId="ADAL" clId="{DF643A51-0D77-4B0F-8B72-970EFD7718EC}" dt="2024-12-25T02:04:43.100" v="1729" actId="1076"/>
          <ac:picMkLst>
            <pc:docMk/>
            <pc:sldMk cId="317337530" sldId="3421"/>
            <ac:picMk id="4" creationId="{BA2E4EED-E09F-405E-A376-418C4574D983}"/>
          </ac:picMkLst>
        </pc:picChg>
      </pc:sldChg>
      <pc:sldChg chg="addSp delSp modSp add mod">
        <pc:chgData name="Abe,YutakaTKZIM" userId="4ea0f8c6-cb00-4a5a-9642-b208e11f484d" providerId="ADAL" clId="{DF643A51-0D77-4B0F-8B72-970EFD7718EC}" dt="2024-12-25T02:05:20" v="1734" actId="1076"/>
        <pc:sldMkLst>
          <pc:docMk/>
          <pc:sldMk cId="2419162467" sldId="3422"/>
        </pc:sldMkLst>
        <pc:picChg chg="add mod">
          <ac:chgData name="Abe,YutakaTKZIM" userId="4ea0f8c6-cb00-4a5a-9642-b208e11f484d" providerId="ADAL" clId="{DF643A51-0D77-4B0F-8B72-970EFD7718EC}" dt="2024-12-25T02:05:20" v="1734" actId="1076"/>
          <ac:picMkLst>
            <pc:docMk/>
            <pc:sldMk cId="2419162467" sldId="3422"/>
            <ac:picMk id="3" creationId="{5C57CAEA-5E0A-B6EB-8C19-E5BE2F3F0901}"/>
          </ac:picMkLst>
        </pc:picChg>
        <pc:picChg chg="del">
          <ac:chgData name="Abe,YutakaTKZIM" userId="4ea0f8c6-cb00-4a5a-9642-b208e11f484d" providerId="ADAL" clId="{DF643A51-0D77-4B0F-8B72-970EFD7718EC}" dt="2024-12-25T02:05:15.150" v="1731" actId="478"/>
          <ac:picMkLst>
            <pc:docMk/>
            <pc:sldMk cId="2419162467" sldId="3422"/>
            <ac:picMk id="4" creationId="{BA2E4EED-E09F-405E-A376-418C4574D983}"/>
          </ac:picMkLst>
        </pc:picChg>
      </pc:sldChg>
      <pc:sldChg chg="addSp delSp modSp add mod ord">
        <pc:chgData name="Abe,YutakaTKZIM" userId="4ea0f8c6-cb00-4a5a-9642-b208e11f484d" providerId="ADAL" clId="{DF643A51-0D77-4B0F-8B72-970EFD7718EC}" dt="2024-12-25T02:08:49.221" v="1753"/>
        <pc:sldMkLst>
          <pc:docMk/>
          <pc:sldMk cId="4235699204" sldId="3423"/>
        </pc:sldMkLst>
        <pc:spChg chg="add mod">
          <ac:chgData name="Abe,YutakaTKZIM" userId="4ea0f8c6-cb00-4a5a-9642-b208e11f484d" providerId="ADAL" clId="{DF643A51-0D77-4B0F-8B72-970EFD7718EC}" dt="2024-12-25T02:08:21.351" v="1751" actId="113"/>
          <ac:spMkLst>
            <pc:docMk/>
            <pc:sldMk cId="4235699204" sldId="3423"/>
            <ac:spMk id="6" creationId="{69052FBE-9674-F143-F30D-EF1D92B958C5}"/>
          </ac:spMkLst>
        </pc:spChg>
        <pc:picChg chg="del">
          <ac:chgData name="Abe,YutakaTKZIM" userId="4ea0f8c6-cb00-4a5a-9642-b208e11f484d" providerId="ADAL" clId="{DF643A51-0D77-4B0F-8B72-970EFD7718EC}" dt="2024-12-25T02:06:01.005" v="1736" actId="478"/>
          <ac:picMkLst>
            <pc:docMk/>
            <pc:sldMk cId="4235699204" sldId="3423"/>
            <ac:picMk id="3" creationId="{5C57CAEA-5E0A-B6EB-8C19-E5BE2F3F0901}"/>
          </ac:picMkLst>
        </pc:picChg>
        <pc:picChg chg="add mod">
          <ac:chgData name="Abe,YutakaTKZIM" userId="4ea0f8c6-cb00-4a5a-9642-b208e11f484d" providerId="ADAL" clId="{DF643A51-0D77-4B0F-8B72-970EFD7718EC}" dt="2024-12-25T02:06:07.216" v="1739" actId="14100"/>
          <ac:picMkLst>
            <pc:docMk/>
            <pc:sldMk cId="4235699204" sldId="3423"/>
            <ac:picMk id="4" creationId="{8625D48C-6B99-59D5-A114-2DDF5EB28964}"/>
          </ac:picMkLst>
        </pc:picChg>
      </pc:sldChg>
      <pc:sldChg chg="addSp delSp modSp add mod">
        <pc:chgData name="Abe,YutakaTKZIM" userId="4ea0f8c6-cb00-4a5a-9642-b208e11f484d" providerId="ADAL" clId="{DF643A51-0D77-4B0F-8B72-970EFD7718EC}" dt="2024-12-25T02:07:27.945" v="1743" actId="1076"/>
        <pc:sldMkLst>
          <pc:docMk/>
          <pc:sldMk cId="2166723879" sldId="3424"/>
        </pc:sldMkLst>
        <pc:picChg chg="del">
          <ac:chgData name="Abe,YutakaTKZIM" userId="4ea0f8c6-cb00-4a5a-9642-b208e11f484d" providerId="ADAL" clId="{DF643A51-0D77-4B0F-8B72-970EFD7718EC}" dt="2024-12-25T02:06:30.893" v="1741" actId="478"/>
          <ac:picMkLst>
            <pc:docMk/>
            <pc:sldMk cId="2166723879" sldId="3424"/>
            <ac:picMk id="3" creationId="{5C57CAEA-5E0A-B6EB-8C19-E5BE2F3F0901}"/>
          </ac:picMkLst>
        </pc:picChg>
        <pc:picChg chg="add mod">
          <ac:chgData name="Abe,YutakaTKZIM" userId="4ea0f8c6-cb00-4a5a-9642-b208e11f484d" providerId="ADAL" clId="{DF643A51-0D77-4B0F-8B72-970EFD7718EC}" dt="2024-12-25T02:07:27.945" v="1743" actId="1076"/>
          <ac:picMkLst>
            <pc:docMk/>
            <pc:sldMk cId="2166723879" sldId="3424"/>
            <ac:picMk id="4" creationId="{0F11DFDD-B824-617D-1E4A-6CC798ABEBD4}"/>
          </ac:picMkLst>
        </pc:picChg>
      </pc:sldChg>
      <pc:sldChg chg="delSp modSp add mod">
        <pc:chgData name="Abe,YutakaTKZIM" userId="4ea0f8c6-cb00-4a5a-9642-b208e11f484d" providerId="ADAL" clId="{DF643A51-0D77-4B0F-8B72-970EFD7718EC}" dt="2024-12-25T02:09:34.382" v="1764"/>
        <pc:sldMkLst>
          <pc:docMk/>
          <pc:sldMk cId="3248564255" sldId="3425"/>
        </pc:sldMkLst>
        <pc:spChg chg="mod">
          <ac:chgData name="Abe,YutakaTKZIM" userId="4ea0f8c6-cb00-4a5a-9642-b208e11f484d" providerId="ADAL" clId="{DF643A51-0D77-4B0F-8B72-970EFD7718EC}" dt="2024-12-25T02:09:34.382" v="1764"/>
          <ac:spMkLst>
            <pc:docMk/>
            <pc:sldMk cId="3248564255" sldId="3425"/>
            <ac:spMk id="6" creationId="{69052FBE-9674-F143-F30D-EF1D92B958C5}"/>
          </ac:spMkLst>
        </pc:spChg>
        <pc:picChg chg="del">
          <ac:chgData name="Abe,YutakaTKZIM" userId="4ea0f8c6-cb00-4a5a-9642-b208e11f484d" providerId="ADAL" clId="{DF643A51-0D77-4B0F-8B72-970EFD7718EC}" dt="2024-12-25T02:08:52.446" v="1755" actId="478"/>
          <ac:picMkLst>
            <pc:docMk/>
            <pc:sldMk cId="3248564255" sldId="3425"/>
            <ac:picMk id="4" creationId="{8625D48C-6B99-59D5-A114-2DDF5EB28964}"/>
          </ac:picMkLst>
        </pc:picChg>
      </pc:sldChg>
      <pc:sldChg chg="addSp delSp modSp add mod">
        <pc:chgData name="Abe,YutakaTKZIM" userId="4ea0f8c6-cb00-4a5a-9642-b208e11f484d" providerId="ADAL" clId="{DF643A51-0D77-4B0F-8B72-970EFD7718EC}" dt="2024-12-25T02:10:32.396" v="1768" actId="1076"/>
        <pc:sldMkLst>
          <pc:docMk/>
          <pc:sldMk cId="2075382499" sldId="3426"/>
        </pc:sldMkLst>
        <pc:picChg chg="add mod">
          <ac:chgData name="Abe,YutakaTKZIM" userId="4ea0f8c6-cb00-4a5a-9642-b208e11f484d" providerId="ADAL" clId="{DF643A51-0D77-4B0F-8B72-970EFD7718EC}" dt="2024-12-25T02:10:32.396" v="1768" actId="1076"/>
          <ac:picMkLst>
            <pc:docMk/>
            <pc:sldMk cId="2075382499" sldId="3426"/>
            <ac:picMk id="3" creationId="{F4F5B8AC-94FF-4281-3D91-84004D07CE9C}"/>
          </ac:picMkLst>
        </pc:picChg>
        <pc:picChg chg="del">
          <ac:chgData name="Abe,YutakaTKZIM" userId="4ea0f8c6-cb00-4a5a-9642-b208e11f484d" providerId="ADAL" clId="{DF643A51-0D77-4B0F-8B72-970EFD7718EC}" dt="2024-12-25T02:10:29.804" v="1766" actId="478"/>
          <ac:picMkLst>
            <pc:docMk/>
            <pc:sldMk cId="2075382499" sldId="3426"/>
            <ac:picMk id="4" creationId="{0F11DFDD-B824-617D-1E4A-6CC798ABEBD4}"/>
          </ac:picMkLst>
        </pc:picChg>
      </pc:sldChg>
      <pc:sldChg chg="addSp delSp modSp add mod">
        <pc:chgData name="Abe,YutakaTKZIM" userId="4ea0f8c6-cb00-4a5a-9642-b208e11f484d" providerId="ADAL" clId="{DF643A51-0D77-4B0F-8B72-970EFD7718EC}" dt="2024-12-25T02:12:14.178" v="1786" actId="1076"/>
        <pc:sldMkLst>
          <pc:docMk/>
          <pc:sldMk cId="1387498122" sldId="3427"/>
        </pc:sldMkLst>
        <pc:spChg chg="add mod">
          <ac:chgData name="Abe,YutakaTKZIM" userId="4ea0f8c6-cb00-4a5a-9642-b208e11f484d" providerId="ADAL" clId="{DF643A51-0D77-4B0F-8B72-970EFD7718EC}" dt="2024-12-25T02:12:14.178" v="1786" actId="1076"/>
          <ac:spMkLst>
            <pc:docMk/>
            <pc:sldMk cId="1387498122" sldId="3427"/>
            <ac:spMk id="6" creationId="{736F51C8-6370-215D-5916-B71418035616}"/>
          </ac:spMkLst>
        </pc:spChg>
        <pc:picChg chg="del">
          <ac:chgData name="Abe,YutakaTKZIM" userId="4ea0f8c6-cb00-4a5a-9642-b208e11f484d" providerId="ADAL" clId="{DF643A51-0D77-4B0F-8B72-970EFD7718EC}" dt="2024-12-25T02:11:12.046" v="1770" actId="478"/>
          <ac:picMkLst>
            <pc:docMk/>
            <pc:sldMk cId="1387498122" sldId="3427"/>
            <ac:picMk id="3" creationId="{F4F5B8AC-94FF-4281-3D91-84004D07CE9C}"/>
          </ac:picMkLst>
        </pc:picChg>
        <pc:picChg chg="add mod">
          <ac:chgData name="Abe,YutakaTKZIM" userId="4ea0f8c6-cb00-4a5a-9642-b208e11f484d" providerId="ADAL" clId="{DF643A51-0D77-4B0F-8B72-970EFD7718EC}" dt="2024-12-25T02:11:58.361" v="1779" actId="1076"/>
          <ac:picMkLst>
            <pc:docMk/>
            <pc:sldMk cId="1387498122" sldId="3427"/>
            <ac:picMk id="4" creationId="{204260AD-F573-2456-CFAF-4603E69F2E5F}"/>
          </ac:picMkLst>
        </pc:picChg>
      </pc:sldChg>
      <pc:sldChg chg="addSp delSp modSp add mod">
        <pc:chgData name="Abe,YutakaTKZIM" userId="4ea0f8c6-cb00-4a5a-9642-b208e11f484d" providerId="ADAL" clId="{DF643A51-0D77-4B0F-8B72-970EFD7718EC}" dt="2024-12-25T04:03:22.181" v="2592" actId="1036"/>
        <pc:sldMkLst>
          <pc:docMk/>
          <pc:sldMk cId="1495242485" sldId="3428"/>
        </pc:sldMkLst>
        <pc:spChg chg="del">
          <ac:chgData name="Abe,YutakaTKZIM" userId="4ea0f8c6-cb00-4a5a-9642-b208e11f484d" providerId="ADAL" clId="{DF643A51-0D77-4B0F-8B72-970EFD7718EC}" dt="2024-12-25T02:13:53.632" v="1788" actId="478"/>
          <ac:spMkLst>
            <pc:docMk/>
            <pc:sldMk cId="1495242485" sldId="3428"/>
            <ac:spMk id="6" creationId="{69DCBC1C-848C-B5BB-599D-B7D9FB7CEF4D}"/>
          </ac:spMkLst>
        </pc:spChg>
        <pc:picChg chg="add mod">
          <ac:chgData name="Abe,YutakaTKZIM" userId="4ea0f8c6-cb00-4a5a-9642-b208e11f484d" providerId="ADAL" clId="{DF643A51-0D77-4B0F-8B72-970EFD7718EC}" dt="2024-12-25T04:03:22.181" v="2592" actId="1036"/>
          <ac:picMkLst>
            <pc:docMk/>
            <pc:sldMk cId="1495242485" sldId="3428"/>
            <ac:picMk id="3" creationId="{D5EC5B67-1357-4E45-09F4-8722B71AB268}"/>
          </ac:picMkLst>
        </pc:picChg>
        <pc:picChg chg="del">
          <ac:chgData name="Abe,YutakaTKZIM" userId="4ea0f8c6-cb00-4a5a-9642-b208e11f484d" providerId="ADAL" clId="{DF643A51-0D77-4B0F-8B72-970EFD7718EC}" dt="2024-12-25T02:13:54.233" v="1789" actId="478"/>
          <ac:picMkLst>
            <pc:docMk/>
            <pc:sldMk cId="1495242485" sldId="3428"/>
            <ac:picMk id="8" creationId="{660E611D-0945-F24A-F70D-1CDEC1FEE09E}"/>
          </ac:picMkLst>
        </pc:picChg>
      </pc:sldChg>
      <pc:sldChg chg="addSp delSp modSp add mod">
        <pc:chgData name="Abe,YutakaTKZIM" userId="4ea0f8c6-cb00-4a5a-9642-b208e11f484d" providerId="ADAL" clId="{DF643A51-0D77-4B0F-8B72-970EFD7718EC}" dt="2024-12-25T02:17:51.682" v="1809" actId="1076"/>
        <pc:sldMkLst>
          <pc:docMk/>
          <pc:sldMk cId="2970579591" sldId="3429"/>
        </pc:sldMkLst>
        <pc:spChg chg="add mod">
          <ac:chgData name="Abe,YutakaTKZIM" userId="4ea0f8c6-cb00-4a5a-9642-b208e11f484d" providerId="ADAL" clId="{DF643A51-0D77-4B0F-8B72-970EFD7718EC}" dt="2024-12-25T02:17:49.635" v="1808" actId="1076"/>
          <ac:spMkLst>
            <pc:docMk/>
            <pc:sldMk cId="2970579591" sldId="3429"/>
            <ac:spMk id="6" creationId="{BA0DAC3F-5073-784D-EDE5-4C6E7E5AD158}"/>
          </ac:spMkLst>
        </pc:spChg>
        <pc:picChg chg="add mod">
          <ac:chgData name="Abe,YutakaTKZIM" userId="4ea0f8c6-cb00-4a5a-9642-b208e11f484d" providerId="ADAL" clId="{DF643A51-0D77-4B0F-8B72-970EFD7718EC}" dt="2024-12-25T02:17:51.682" v="1809" actId="1076"/>
          <ac:picMkLst>
            <pc:docMk/>
            <pc:sldMk cId="2970579591" sldId="3429"/>
            <ac:picMk id="3" creationId="{2A0FCC7F-A44D-B077-AC7F-49346EEBF61A}"/>
          </ac:picMkLst>
        </pc:picChg>
        <pc:picChg chg="del">
          <ac:chgData name="Abe,YutakaTKZIM" userId="4ea0f8c6-cb00-4a5a-9642-b208e11f484d" providerId="ADAL" clId="{DF643A51-0D77-4B0F-8B72-970EFD7718EC}" dt="2024-12-25T02:16:25.790" v="1796" actId="478"/>
          <ac:picMkLst>
            <pc:docMk/>
            <pc:sldMk cId="2970579591" sldId="3429"/>
            <ac:picMk id="4" creationId="{5753048B-E6AD-12AA-0565-32BEA8A6F21B}"/>
          </ac:picMkLst>
        </pc:picChg>
      </pc:sldChg>
      <pc:sldChg chg="addSp delSp modSp add mod">
        <pc:chgData name="Abe,YutakaTKZIM" userId="4ea0f8c6-cb00-4a5a-9642-b208e11f484d" providerId="ADAL" clId="{DF643A51-0D77-4B0F-8B72-970EFD7718EC}" dt="2024-12-25T02:34:38.852" v="2068" actId="403"/>
        <pc:sldMkLst>
          <pc:docMk/>
          <pc:sldMk cId="4047931004" sldId="3430"/>
        </pc:sldMkLst>
        <pc:spChg chg="add del mod">
          <ac:chgData name="Abe,YutakaTKZIM" userId="4ea0f8c6-cb00-4a5a-9642-b208e11f484d" providerId="ADAL" clId="{DF643A51-0D77-4B0F-8B72-970EFD7718EC}" dt="2024-12-25T02:25:13.656" v="1876" actId="478"/>
          <ac:spMkLst>
            <pc:docMk/>
            <pc:sldMk cId="4047931004" sldId="3430"/>
            <ac:spMk id="2" creationId="{44C325D1-4341-54B0-A2D5-3501208FD228}"/>
          </ac:spMkLst>
        </pc:spChg>
        <pc:spChg chg="del">
          <ac:chgData name="Abe,YutakaTKZIM" userId="4ea0f8c6-cb00-4a5a-9642-b208e11f484d" providerId="ADAL" clId="{DF643A51-0D77-4B0F-8B72-970EFD7718EC}" dt="2024-12-25T02:23:42.468" v="1812" actId="478"/>
          <ac:spMkLst>
            <pc:docMk/>
            <pc:sldMk cId="4047931004" sldId="3430"/>
            <ac:spMk id="6" creationId="{BA0DAC3F-5073-784D-EDE5-4C6E7E5AD158}"/>
          </ac:spMkLst>
        </pc:spChg>
        <pc:spChg chg="add mod">
          <ac:chgData name="Abe,YutakaTKZIM" userId="4ea0f8c6-cb00-4a5a-9642-b208e11f484d" providerId="ADAL" clId="{DF643A51-0D77-4B0F-8B72-970EFD7718EC}" dt="2024-12-25T02:26:25.390" v="1894" actId="14100"/>
          <ac:spMkLst>
            <pc:docMk/>
            <pc:sldMk cId="4047931004" sldId="3430"/>
            <ac:spMk id="10" creationId="{BB877128-1DA2-916D-9599-36A2F3AEAA14}"/>
          </ac:spMkLst>
        </pc:spChg>
        <pc:spChg chg="add mod">
          <ac:chgData name="Abe,YutakaTKZIM" userId="4ea0f8c6-cb00-4a5a-9642-b208e11f484d" providerId="ADAL" clId="{DF643A51-0D77-4B0F-8B72-970EFD7718EC}" dt="2024-12-25T02:32:15.289" v="1936" actId="1076"/>
          <ac:spMkLst>
            <pc:docMk/>
            <pc:sldMk cId="4047931004" sldId="3430"/>
            <ac:spMk id="12" creationId="{816F9908-A469-06D4-C5BF-32DA035F8685}"/>
          </ac:spMkLst>
        </pc:spChg>
        <pc:spChg chg="mod">
          <ac:chgData name="Abe,YutakaTKZIM" userId="4ea0f8c6-cb00-4a5a-9642-b208e11f484d" providerId="ADAL" clId="{DF643A51-0D77-4B0F-8B72-970EFD7718EC}" dt="2024-12-25T02:33:07.921" v="2035" actId="20577"/>
          <ac:spMkLst>
            <pc:docMk/>
            <pc:sldMk cId="4047931004" sldId="3430"/>
            <ac:spMk id="13" creationId="{EBE2DD77-0A49-91FF-7D8C-86779E8DC1F5}"/>
          </ac:spMkLst>
        </pc:spChg>
        <pc:spChg chg="add mod">
          <ac:chgData name="Abe,YutakaTKZIM" userId="4ea0f8c6-cb00-4a5a-9642-b208e11f484d" providerId="ADAL" clId="{DF643A51-0D77-4B0F-8B72-970EFD7718EC}" dt="2024-12-25T02:32:43.050" v="1977" actId="207"/>
          <ac:spMkLst>
            <pc:docMk/>
            <pc:sldMk cId="4047931004" sldId="3430"/>
            <ac:spMk id="16" creationId="{63293C26-589F-CB97-D804-E709552403CD}"/>
          </ac:spMkLst>
        </pc:spChg>
        <pc:spChg chg="add mod">
          <ac:chgData name="Abe,YutakaTKZIM" userId="4ea0f8c6-cb00-4a5a-9642-b208e11f484d" providerId="ADAL" clId="{DF643A51-0D77-4B0F-8B72-970EFD7718EC}" dt="2024-12-25T02:34:38.852" v="2068" actId="403"/>
          <ac:spMkLst>
            <pc:docMk/>
            <pc:sldMk cId="4047931004" sldId="3430"/>
            <ac:spMk id="19" creationId="{33D55797-8F2B-A8EE-3EE3-6F8E2BC81431}"/>
          </ac:spMkLst>
        </pc:spChg>
        <pc:picChg chg="del">
          <ac:chgData name="Abe,YutakaTKZIM" userId="4ea0f8c6-cb00-4a5a-9642-b208e11f484d" providerId="ADAL" clId="{DF643A51-0D77-4B0F-8B72-970EFD7718EC}" dt="2024-12-25T02:23:40.346" v="1811" actId="478"/>
          <ac:picMkLst>
            <pc:docMk/>
            <pc:sldMk cId="4047931004" sldId="3430"/>
            <ac:picMk id="3" creationId="{2A0FCC7F-A44D-B077-AC7F-49346EEBF61A}"/>
          </ac:picMkLst>
        </pc:picChg>
        <pc:picChg chg="add mod">
          <ac:chgData name="Abe,YutakaTKZIM" userId="4ea0f8c6-cb00-4a5a-9642-b208e11f484d" providerId="ADAL" clId="{DF643A51-0D77-4B0F-8B72-970EFD7718EC}" dt="2024-12-25T02:27:14.448" v="1904" actId="1076"/>
          <ac:picMkLst>
            <pc:docMk/>
            <pc:sldMk cId="4047931004" sldId="3430"/>
            <ac:picMk id="5" creationId="{4751A9F2-27F3-FED3-EEDE-773F5533B2D7}"/>
          </ac:picMkLst>
        </pc:picChg>
        <pc:picChg chg="add mod">
          <ac:chgData name="Abe,YutakaTKZIM" userId="4ea0f8c6-cb00-4a5a-9642-b208e11f484d" providerId="ADAL" clId="{DF643A51-0D77-4B0F-8B72-970EFD7718EC}" dt="2024-12-25T02:25:37.463" v="1885" actId="14100"/>
          <ac:picMkLst>
            <pc:docMk/>
            <pc:sldMk cId="4047931004" sldId="3430"/>
            <ac:picMk id="8" creationId="{07A5D65D-A177-67E0-A54B-410B04087B24}"/>
          </ac:picMkLst>
        </pc:picChg>
        <pc:picChg chg="add mod">
          <ac:chgData name="Abe,YutakaTKZIM" userId="4ea0f8c6-cb00-4a5a-9642-b208e11f484d" providerId="ADAL" clId="{DF643A51-0D77-4B0F-8B72-970EFD7718EC}" dt="2024-12-25T02:29:54.784" v="1912" actId="1076"/>
          <ac:picMkLst>
            <pc:docMk/>
            <pc:sldMk cId="4047931004" sldId="3430"/>
            <ac:picMk id="15" creationId="{D70F72CE-6F38-EA7A-361D-510035301E51}"/>
          </ac:picMkLst>
        </pc:picChg>
        <pc:picChg chg="add mod">
          <ac:chgData name="Abe,YutakaTKZIM" userId="4ea0f8c6-cb00-4a5a-9642-b208e11f484d" providerId="ADAL" clId="{DF643A51-0D77-4B0F-8B72-970EFD7718EC}" dt="2024-12-25T02:33:33.186" v="2039" actId="14100"/>
          <ac:picMkLst>
            <pc:docMk/>
            <pc:sldMk cId="4047931004" sldId="3430"/>
            <ac:picMk id="18" creationId="{4E5A3125-19B3-F20C-659D-5EBD5519BC03}"/>
          </ac:picMkLst>
        </pc:picChg>
        <pc:picChg chg="add mod">
          <ac:chgData name="Abe,YutakaTKZIM" userId="4ea0f8c6-cb00-4a5a-9642-b208e11f484d" providerId="ADAL" clId="{DF643A51-0D77-4B0F-8B72-970EFD7718EC}" dt="2024-12-25T02:32:00.742" v="1935" actId="14100"/>
          <ac:picMkLst>
            <pc:docMk/>
            <pc:sldMk cId="4047931004" sldId="3430"/>
            <ac:picMk id="1026" creationId="{98FBE0C7-CE2D-CA67-58D4-87C6F4183953}"/>
          </ac:picMkLst>
        </pc:picChg>
        <pc:picChg chg="add mod">
          <ac:chgData name="Abe,YutakaTKZIM" userId="4ea0f8c6-cb00-4a5a-9642-b208e11f484d" providerId="ADAL" clId="{DF643A51-0D77-4B0F-8B72-970EFD7718EC}" dt="2024-12-25T02:31:50.364" v="1933" actId="1076"/>
          <ac:picMkLst>
            <pc:docMk/>
            <pc:sldMk cId="4047931004" sldId="3430"/>
            <ac:picMk id="1028" creationId="{FAFD1803-CF52-6C8D-B7BB-B24E982DBFD7}"/>
          </ac:picMkLst>
        </pc:picChg>
        <pc:picChg chg="add mod">
          <ac:chgData name="Abe,YutakaTKZIM" userId="4ea0f8c6-cb00-4a5a-9642-b208e11f484d" providerId="ADAL" clId="{DF643A51-0D77-4B0F-8B72-970EFD7718EC}" dt="2024-12-25T02:31:52.398" v="1934" actId="1076"/>
          <ac:picMkLst>
            <pc:docMk/>
            <pc:sldMk cId="4047931004" sldId="3430"/>
            <ac:picMk id="1030" creationId="{8BD6D064-0C49-B736-70E8-B8B39CB43D65}"/>
          </ac:picMkLst>
        </pc:picChg>
      </pc:sldChg>
      <pc:sldChg chg="add">
        <pc:chgData name="Abe,YutakaTKZIM" userId="4ea0f8c6-cb00-4a5a-9642-b208e11f484d" providerId="ADAL" clId="{DF643A51-0D77-4B0F-8B72-970EFD7718EC}" dt="2024-12-25T02:39:54.660" v="2069"/>
        <pc:sldMkLst>
          <pc:docMk/>
          <pc:sldMk cId="3489903250" sldId="3431"/>
        </pc:sldMkLst>
      </pc:sldChg>
      <pc:sldChg chg="add">
        <pc:chgData name="Abe,YutakaTKZIM" userId="4ea0f8c6-cb00-4a5a-9642-b208e11f484d" providerId="ADAL" clId="{DF643A51-0D77-4B0F-8B72-970EFD7718EC}" dt="2024-12-25T02:39:54.660" v="2069"/>
        <pc:sldMkLst>
          <pc:docMk/>
          <pc:sldMk cId="331059146" sldId="3432"/>
        </pc:sldMkLst>
      </pc:sldChg>
      <pc:sldChg chg="add">
        <pc:chgData name="Abe,YutakaTKZIM" userId="4ea0f8c6-cb00-4a5a-9642-b208e11f484d" providerId="ADAL" clId="{DF643A51-0D77-4B0F-8B72-970EFD7718EC}" dt="2024-12-25T02:39:54.660" v="2069"/>
        <pc:sldMkLst>
          <pc:docMk/>
          <pc:sldMk cId="2690900827" sldId="3433"/>
        </pc:sldMkLst>
      </pc:sldChg>
      <pc:sldChg chg="add">
        <pc:chgData name="Abe,YutakaTKZIM" userId="4ea0f8c6-cb00-4a5a-9642-b208e11f484d" providerId="ADAL" clId="{DF643A51-0D77-4B0F-8B72-970EFD7718EC}" dt="2024-12-25T02:39:54.660" v="2069"/>
        <pc:sldMkLst>
          <pc:docMk/>
          <pc:sldMk cId="2621522056" sldId="3434"/>
        </pc:sldMkLst>
      </pc:sldChg>
      <pc:sldChg chg="add">
        <pc:chgData name="Abe,YutakaTKZIM" userId="4ea0f8c6-cb00-4a5a-9642-b208e11f484d" providerId="ADAL" clId="{DF643A51-0D77-4B0F-8B72-970EFD7718EC}" dt="2024-12-25T02:39:54.660" v="2069"/>
        <pc:sldMkLst>
          <pc:docMk/>
          <pc:sldMk cId="3628680400" sldId="3452"/>
        </pc:sldMkLst>
      </pc:sldChg>
      <pc:sldChg chg="addSp delSp modSp add mod">
        <pc:chgData name="Abe,YutakaTKZIM" userId="4ea0f8c6-cb00-4a5a-9642-b208e11f484d" providerId="ADAL" clId="{DF643A51-0D77-4B0F-8B72-970EFD7718EC}" dt="2024-12-25T04:01:45.621" v="2569" actId="14100"/>
        <pc:sldMkLst>
          <pc:docMk/>
          <pc:sldMk cId="4175028722" sldId="3453"/>
        </pc:sldMkLst>
        <pc:spChg chg="del">
          <ac:chgData name="Abe,YutakaTKZIM" userId="4ea0f8c6-cb00-4a5a-9642-b208e11f484d" providerId="ADAL" clId="{DF643A51-0D77-4B0F-8B72-970EFD7718EC}" dt="2024-12-25T03:21:28.801" v="2473" actId="478"/>
          <ac:spMkLst>
            <pc:docMk/>
            <pc:sldMk cId="4175028722" sldId="3453"/>
            <ac:spMk id="6" creationId="{BA0DAC3F-5073-784D-EDE5-4C6E7E5AD158}"/>
          </ac:spMkLst>
        </pc:spChg>
        <pc:spChg chg="mod">
          <ac:chgData name="Abe,YutakaTKZIM" userId="4ea0f8c6-cb00-4a5a-9642-b208e11f484d" providerId="ADAL" clId="{DF643A51-0D77-4B0F-8B72-970EFD7718EC}" dt="2024-12-25T03:27:05.891" v="2536" actId="6549"/>
          <ac:spMkLst>
            <pc:docMk/>
            <pc:sldMk cId="4175028722" sldId="3453"/>
            <ac:spMk id="13" creationId="{EBE2DD77-0A49-91FF-7D8C-86779E8DC1F5}"/>
          </ac:spMkLst>
        </pc:spChg>
        <pc:spChg chg="add mod">
          <ac:chgData name="Abe,YutakaTKZIM" userId="4ea0f8c6-cb00-4a5a-9642-b208e11f484d" providerId="ADAL" clId="{DF643A51-0D77-4B0F-8B72-970EFD7718EC}" dt="2024-12-25T03:28:10.486" v="2560" actId="1076"/>
          <ac:spMkLst>
            <pc:docMk/>
            <pc:sldMk cId="4175028722" sldId="3453"/>
            <ac:spMk id="36" creationId="{2DDD5FCC-413D-219E-F915-F026A563698F}"/>
          </ac:spMkLst>
        </pc:spChg>
        <pc:spChg chg="add mod">
          <ac:chgData name="Abe,YutakaTKZIM" userId="4ea0f8c6-cb00-4a5a-9642-b208e11f484d" providerId="ADAL" clId="{DF643A51-0D77-4B0F-8B72-970EFD7718EC}" dt="2024-12-25T03:28:34.003" v="2567" actId="1076"/>
          <ac:spMkLst>
            <pc:docMk/>
            <pc:sldMk cId="4175028722" sldId="3453"/>
            <ac:spMk id="37" creationId="{0EEACD5E-EF1D-AF65-FE2B-739640CEFBC0}"/>
          </ac:spMkLst>
        </pc:spChg>
        <pc:picChg chg="del">
          <ac:chgData name="Abe,YutakaTKZIM" userId="4ea0f8c6-cb00-4a5a-9642-b208e11f484d" providerId="ADAL" clId="{DF643A51-0D77-4B0F-8B72-970EFD7718EC}" dt="2024-12-25T03:21:26.811" v="2472" actId="478"/>
          <ac:picMkLst>
            <pc:docMk/>
            <pc:sldMk cId="4175028722" sldId="3453"/>
            <ac:picMk id="3" creationId="{2A0FCC7F-A44D-B077-AC7F-49346EEBF61A}"/>
          </ac:picMkLst>
        </pc:picChg>
        <pc:picChg chg="add mod">
          <ac:chgData name="Abe,YutakaTKZIM" userId="4ea0f8c6-cb00-4a5a-9642-b208e11f484d" providerId="ADAL" clId="{DF643A51-0D77-4B0F-8B72-970EFD7718EC}" dt="2024-12-25T03:27:33.348" v="2537" actId="1076"/>
          <ac:picMkLst>
            <pc:docMk/>
            <pc:sldMk cId="4175028722" sldId="3453"/>
            <ac:picMk id="4" creationId="{0CEC6C1D-3D7D-E9D7-0909-EDD42672A7F2}"/>
          </ac:picMkLst>
        </pc:picChg>
        <pc:cxnChg chg="add mod">
          <ac:chgData name="Abe,YutakaTKZIM" userId="4ea0f8c6-cb00-4a5a-9642-b208e11f484d" providerId="ADAL" clId="{DF643A51-0D77-4B0F-8B72-970EFD7718EC}" dt="2024-12-25T03:22:59.417" v="2497" actId="208"/>
          <ac:cxnSpMkLst>
            <pc:docMk/>
            <pc:sldMk cId="4175028722" sldId="3453"/>
            <ac:cxnSpMk id="7" creationId="{3331E3CB-579A-559C-7DEB-965A820CB3A0}"/>
          </ac:cxnSpMkLst>
        </pc:cxnChg>
        <pc:cxnChg chg="add mod">
          <ac:chgData name="Abe,YutakaTKZIM" userId="4ea0f8c6-cb00-4a5a-9642-b208e11f484d" providerId="ADAL" clId="{DF643A51-0D77-4B0F-8B72-970EFD7718EC}" dt="2024-12-25T03:28:19.522" v="2563" actId="14100"/>
          <ac:cxnSpMkLst>
            <pc:docMk/>
            <pc:sldMk cId="4175028722" sldId="3453"/>
            <ac:cxnSpMk id="9" creationId="{FE4C085A-BBDC-CCE4-9E56-735003484E71}"/>
          </ac:cxnSpMkLst>
        </pc:cxnChg>
        <pc:cxnChg chg="add mod">
          <ac:chgData name="Abe,YutakaTKZIM" userId="4ea0f8c6-cb00-4a5a-9642-b208e11f484d" providerId="ADAL" clId="{DF643A51-0D77-4B0F-8B72-970EFD7718EC}" dt="2024-12-25T03:23:24.755" v="2500" actId="1582"/>
          <ac:cxnSpMkLst>
            <pc:docMk/>
            <pc:sldMk cId="4175028722" sldId="3453"/>
            <ac:cxnSpMk id="17" creationId="{F50ACB18-D398-92DF-A34B-02A7D7E67AA7}"/>
          </ac:cxnSpMkLst>
        </pc:cxnChg>
        <pc:cxnChg chg="add mod">
          <ac:chgData name="Abe,YutakaTKZIM" userId="4ea0f8c6-cb00-4a5a-9642-b208e11f484d" providerId="ADAL" clId="{DF643A51-0D77-4B0F-8B72-970EFD7718EC}" dt="2024-12-25T03:26:58.794" v="2528" actId="1582"/>
          <ac:cxnSpMkLst>
            <pc:docMk/>
            <pc:sldMk cId="4175028722" sldId="3453"/>
            <ac:cxnSpMk id="19" creationId="{F230A061-CC53-F1D6-AC02-5C9305CFC6C8}"/>
          </ac:cxnSpMkLst>
        </pc:cxnChg>
        <pc:cxnChg chg="add mod">
          <ac:chgData name="Abe,YutakaTKZIM" userId="4ea0f8c6-cb00-4a5a-9642-b208e11f484d" providerId="ADAL" clId="{DF643A51-0D77-4B0F-8B72-970EFD7718EC}" dt="2024-12-25T03:26:58.794" v="2528" actId="1582"/>
          <ac:cxnSpMkLst>
            <pc:docMk/>
            <pc:sldMk cId="4175028722" sldId="3453"/>
            <ac:cxnSpMk id="21" creationId="{97B0001E-9DA1-7C68-49E2-5369D58583A8}"/>
          </ac:cxnSpMkLst>
        </pc:cxnChg>
        <pc:cxnChg chg="add mod">
          <ac:chgData name="Abe,YutakaTKZIM" userId="4ea0f8c6-cb00-4a5a-9642-b208e11f484d" providerId="ADAL" clId="{DF643A51-0D77-4B0F-8B72-970EFD7718EC}" dt="2024-12-25T04:01:33.391" v="2568" actId="1076"/>
          <ac:cxnSpMkLst>
            <pc:docMk/>
            <pc:sldMk cId="4175028722" sldId="3453"/>
            <ac:cxnSpMk id="24" creationId="{ADE34D11-C9C3-2900-4479-744E18E62B02}"/>
          </ac:cxnSpMkLst>
        </pc:cxnChg>
        <pc:cxnChg chg="add mod">
          <ac:chgData name="Abe,YutakaTKZIM" userId="4ea0f8c6-cb00-4a5a-9642-b208e11f484d" providerId="ADAL" clId="{DF643A51-0D77-4B0F-8B72-970EFD7718EC}" dt="2024-12-25T04:01:45.621" v="2569" actId="14100"/>
          <ac:cxnSpMkLst>
            <pc:docMk/>
            <pc:sldMk cId="4175028722" sldId="3453"/>
            <ac:cxnSpMk id="26" creationId="{67449894-AC9C-1091-2AD3-E61975E3803C}"/>
          </ac:cxnSpMkLst>
        </pc:cxnChg>
        <pc:cxnChg chg="add mod">
          <ac:chgData name="Abe,YutakaTKZIM" userId="4ea0f8c6-cb00-4a5a-9642-b208e11f484d" providerId="ADAL" clId="{DF643A51-0D77-4B0F-8B72-970EFD7718EC}" dt="2024-12-25T03:26:15.434" v="2523"/>
          <ac:cxnSpMkLst>
            <pc:docMk/>
            <pc:sldMk cId="4175028722" sldId="3453"/>
            <ac:cxnSpMk id="29" creationId="{C6887558-4E9D-0B58-F8E1-800E46CD07AB}"/>
          </ac:cxnSpMkLst>
        </pc:cxnChg>
        <pc:cxnChg chg="add mod">
          <ac:chgData name="Abe,YutakaTKZIM" userId="4ea0f8c6-cb00-4a5a-9642-b208e11f484d" providerId="ADAL" clId="{DF643A51-0D77-4B0F-8B72-970EFD7718EC}" dt="2024-12-25T03:26:28.583" v="2525" actId="14100"/>
          <ac:cxnSpMkLst>
            <pc:docMk/>
            <pc:sldMk cId="4175028722" sldId="3453"/>
            <ac:cxnSpMk id="33" creationId="{4FE1374B-74F6-F630-B4EE-CCE4EDA97C90}"/>
          </ac:cxnSpMkLst>
        </pc:cxnChg>
      </pc:sldChg>
      <pc:sldChg chg="addSp delSp modSp add mod ord">
        <pc:chgData name="Abe,YutakaTKZIM" userId="4ea0f8c6-cb00-4a5a-9642-b208e11f484d" providerId="ADAL" clId="{DF643A51-0D77-4B0F-8B72-970EFD7718EC}" dt="2025-01-05T22:34:20.032" v="4041"/>
        <pc:sldMkLst>
          <pc:docMk/>
          <pc:sldMk cId="3715532840" sldId="3454"/>
        </pc:sldMkLst>
        <pc:spChg chg="mod">
          <ac:chgData name="Abe,YutakaTKZIM" userId="4ea0f8c6-cb00-4a5a-9642-b208e11f484d" providerId="ADAL" clId="{DF643A51-0D77-4B0F-8B72-970EFD7718EC}" dt="2024-12-25T04:27:31.291" v="2705" actId="1076"/>
          <ac:spMkLst>
            <pc:docMk/>
            <pc:sldMk cId="3715532840" sldId="3454"/>
            <ac:spMk id="4" creationId="{89488EA5-77A5-9C0F-5C98-432E2505E539}"/>
          </ac:spMkLst>
        </pc:spChg>
        <pc:spChg chg="del">
          <ac:chgData name="Abe,YutakaTKZIM" userId="4ea0f8c6-cb00-4a5a-9642-b208e11f484d" providerId="ADAL" clId="{DF643A51-0D77-4B0F-8B72-970EFD7718EC}" dt="2024-12-25T04:27:36.024" v="2706" actId="478"/>
          <ac:spMkLst>
            <pc:docMk/>
            <pc:sldMk cId="3715532840" sldId="3454"/>
            <ac:spMk id="8" creationId="{41D575E2-AB41-E6FB-936F-58051636FB64}"/>
          </ac:spMkLst>
        </pc:spChg>
        <pc:spChg chg="del">
          <ac:chgData name="Abe,YutakaTKZIM" userId="4ea0f8c6-cb00-4a5a-9642-b208e11f484d" providerId="ADAL" clId="{DF643A51-0D77-4B0F-8B72-970EFD7718EC}" dt="2024-12-25T04:27:28.283" v="2703" actId="478"/>
          <ac:spMkLst>
            <pc:docMk/>
            <pc:sldMk cId="3715532840" sldId="3454"/>
            <ac:spMk id="9" creationId="{018C2165-BD2C-65DD-9C25-32E8069ABE72}"/>
          </ac:spMkLst>
        </pc:spChg>
        <pc:spChg chg="del">
          <ac:chgData name="Abe,YutakaTKZIM" userId="4ea0f8c6-cb00-4a5a-9642-b208e11f484d" providerId="ADAL" clId="{DF643A51-0D77-4B0F-8B72-970EFD7718EC}" dt="2024-12-25T04:27:36.024" v="2706" actId="478"/>
          <ac:spMkLst>
            <pc:docMk/>
            <pc:sldMk cId="3715532840" sldId="3454"/>
            <ac:spMk id="10" creationId="{45AAD31A-37B7-1562-A706-D680BC8DF2EC}"/>
          </ac:spMkLst>
        </pc:spChg>
        <pc:spChg chg="del">
          <ac:chgData name="Abe,YutakaTKZIM" userId="4ea0f8c6-cb00-4a5a-9642-b208e11f484d" providerId="ADAL" clId="{DF643A51-0D77-4B0F-8B72-970EFD7718EC}" dt="2024-12-25T04:27:36.024" v="2706" actId="478"/>
          <ac:spMkLst>
            <pc:docMk/>
            <pc:sldMk cId="3715532840" sldId="3454"/>
            <ac:spMk id="11" creationId="{3892682B-5A4C-C208-58D2-8D7704DD8EC8}"/>
          </ac:spMkLst>
        </pc:spChg>
        <pc:spChg chg="mod">
          <ac:chgData name="Abe,YutakaTKZIM" userId="4ea0f8c6-cb00-4a5a-9642-b208e11f484d" providerId="ADAL" clId="{DF643A51-0D77-4B0F-8B72-970EFD7718EC}" dt="2024-12-25T04:29:15.346" v="2739" actId="1076"/>
          <ac:spMkLst>
            <pc:docMk/>
            <pc:sldMk cId="3715532840" sldId="3454"/>
            <ac:spMk id="12" creationId="{F39DF111-86DE-8282-51E0-6100BC6D153F}"/>
          </ac:spMkLst>
        </pc:spChg>
        <pc:spChg chg="del">
          <ac:chgData name="Abe,YutakaTKZIM" userId="4ea0f8c6-cb00-4a5a-9642-b208e11f484d" providerId="ADAL" clId="{DF643A51-0D77-4B0F-8B72-970EFD7718EC}" dt="2024-12-25T04:27:36.024" v="2706" actId="478"/>
          <ac:spMkLst>
            <pc:docMk/>
            <pc:sldMk cId="3715532840" sldId="3454"/>
            <ac:spMk id="13" creationId="{7606D157-BE36-E8E8-AB31-8931E035E95B}"/>
          </ac:spMkLst>
        </pc:spChg>
        <pc:spChg chg="del">
          <ac:chgData name="Abe,YutakaTKZIM" userId="4ea0f8c6-cb00-4a5a-9642-b208e11f484d" providerId="ADAL" clId="{DF643A51-0D77-4B0F-8B72-970EFD7718EC}" dt="2024-12-25T04:27:36.024" v="2706" actId="478"/>
          <ac:spMkLst>
            <pc:docMk/>
            <pc:sldMk cId="3715532840" sldId="3454"/>
            <ac:spMk id="14" creationId="{8271470F-59E1-3A0E-67DE-77D747DE31CC}"/>
          </ac:spMkLst>
        </pc:spChg>
        <pc:spChg chg="del">
          <ac:chgData name="Abe,YutakaTKZIM" userId="4ea0f8c6-cb00-4a5a-9642-b208e11f484d" providerId="ADAL" clId="{DF643A51-0D77-4B0F-8B72-970EFD7718EC}" dt="2024-12-25T04:27:36.024" v="2706" actId="478"/>
          <ac:spMkLst>
            <pc:docMk/>
            <pc:sldMk cId="3715532840" sldId="3454"/>
            <ac:spMk id="15" creationId="{09D6F680-7A5E-DF05-5E0A-27BE12DB037D}"/>
          </ac:spMkLst>
        </pc:spChg>
        <pc:spChg chg="mod">
          <ac:chgData name="Abe,YutakaTKZIM" userId="4ea0f8c6-cb00-4a5a-9642-b208e11f484d" providerId="ADAL" clId="{DF643A51-0D77-4B0F-8B72-970EFD7718EC}" dt="2024-12-25T04:29:25.717" v="2744" actId="1076"/>
          <ac:spMkLst>
            <pc:docMk/>
            <pc:sldMk cId="3715532840" sldId="3454"/>
            <ac:spMk id="16" creationId="{23BE4A8C-67B8-8AE4-C576-B30502B3894E}"/>
          </ac:spMkLst>
        </pc:spChg>
        <pc:spChg chg="mod">
          <ac:chgData name="Abe,YutakaTKZIM" userId="4ea0f8c6-cb00-4a5a-9642-b208e11f484d" providerId="ADAL" clId="{DF643A51-0D77-4B0F-8B72-970EFD7718EC}" dt="2024-12-25T04:29:09.886" v="2737" actId="1076"/>
          <ac:spMkLst>
            <pc:docMk/>
            <pc:sldMk cId="3715532840" sldId="3454"/>
            <ac:spMk id="17" creationId="{0C6F98BA-42B6-3240-31F6-EF0CC879631D}"/>
          </ac:spMkLst>
        </pc:spChg>
        <pc:spChg chg="mod">
          <ac:chgData name="Abe,YutakaTKZIM" userId="4ea0f8c6-cb00-4a5a-9642-b208e11f484d" providerId="ADAL" clId="{DF643A51-0D77-4B0F-8B72-970EFD7718EC}" dt="2024-12-25T04:29:17.279" v="2740" actId="1076"/>
          <ac:spMkLst>
            <pc:docMk/>
            <pc:sldMk cId="3715532840" sldId="3454"/>
            <ac:spMk id="18" creationId="{49EDB556-D936-6E56-6CEF-66E079118A41}"/>
          </ac:spMkLst>
        </pc:spChg>
        <pc:spChg chg="del">
          <ac:chgData name="Abe,YutakaTKZIM" userId="4ea0f8c6-cb00-4a5a-9642-b208e11f484d" providerId="ADAL" clId="{DF643A51-0D77-4B0F-8B72-970EFD7718EC}" dt="2024-12-25T04:27:36.024" v="2706" actId="478"/>
          <ac:spMkLst>
            <pc:docMk/>
            <pc:sldMk cId="3715532840" sldId="3454"/>
            <ac:spMk id="19" creationId="{071CC797-DCC2-5294-3E8D-7FEDA95F86DE}"/>
          </ac:spMkLst>
        </pc:spChg>
        <pc:spChg chg="del">
          <ac:chgData name="Abe,YutakaTKZIM" userId="4ea0f8c6-cb00-4a5a-9642-b208e11f484d" providerId="ADAL" clId="{DF643A51-0D77-4B0F-8B72-970EFD7718EC}" dt="2024-12-25T04:27:36.024" v="2706" actId="478"/>
          <ac:spMkLst>
            <pc:docMk/>
            <pc:sldMk cId="3715532840" sldId="3454"/>
            <ac:spMk id="20" creationId="{04781FC5-C5FF-A5EE-0FED-BC129C5F28F4}"/>
          </ac:spMkLst>
        </pc:spChg>
        <pc:spChg chg="del">
          <ac:chgData name="Abe,YutakaTKZIM" userId="4ea0f8c6-cb00-4a5a-9642-b208e11f484d" providerId="ADAL" clId="{DF643A51-0D77-4B0F-8B72-970EFD7718EC}" dt="2024-12-25T04:27:28.283" v="2703" actId="478"/>
          <ac:spMkLst>
            <pc:docMk/>
            <pc:sldMk cId="3715532840" sldId="3454"/>
            <ac:spMk id="21" creationId="{0E80E8E1-743B-1764-AEDB-261CD37D3257}"/>
          </ac:spMkLst>
        </pc:spChg>
        <pc:spChg chg="del">
          <ac:chgData name="Abe,YutakaTKZIM" userId="4ea0f8c6-cb00-4a5a-9642-b208e11f484d" providerId="ADAL" clId="{DF643A51-0D77-4B0F-8B72-970EFD7718EC}" dt="2024-12-25T04:27:28.283" v="2703" actId="478"/>
          <ac:spMkLst>
            <pc:docMk/>
            <pc:sldMk cId="3715532840" sldId="3454"/>
            <ac:spMk id="22" creationId="{2CC525D0-A385-89B3-E4B9-75D5C486A4D3}"/>
          </ac:spMkLst>
        </pc:spChg>
        <pc:spChg chg="mod">
          <ac:chgData name="Abe,YutakaTKZIM" userId="4ea0f8c6-cb00-4a5a-9642-b208e11f484d" providerId="ADAL" clId="{DF643A51-0D77-4B0F-8B72-970EFD7718EC}" dt="2024-12-25T04:28:52.957" v="2731" actId="1076"/>
          <ac:spMkLst>
            <pc:docMk/>
            <pc:sldMk cId="3715532840" sldId="3454"/>
            <ac:spMk id="23" creationId="{09707D47-AE46-485A-517E-249AB0FEEECF}"/>
          </ac:spMkLst>
        </pc:spChg>
        <pc:spChg chg="mod">
          <ac:chgData name="Abe,YutakaTKZIM" userId="4ea0f8c6-cb00-4a5a-9642-b208e11f484d" providerId="ADAL" clId="{DF643A51-0D77-4B0F-8B72-970EFD7718EC}" dt="2024-12-25T04:28:50.482" v="2730" actId="1076"/>
          <ac:spMkLst>
            <pc:docMk/>
            <pc:sldMk cId="3715532840" sldId="3454"/>
            <ac:spMk id="24" creationId="{BD931DA6-34BC-CD8C-7F70-F250E737C021}"/>
          </ac:spMkLst>
        </pc:spChg>
        <pc:spChg chg="del">
          <ac:chgData name="Abe,YutakaTKZIM" userId="4ea0f8c6-cb00-4a5a-9642-b208e11f484d" providerId="ADAL" clId="{DF643A51-0D77-4B0F-8B72-970EFD7718EC}" dt="2024-12-25T04:27:36.024" v="2706" actId="478"/>
          <ac:spMkLst>
            <pc:docMk/>
            <pc:sldMk cId="3715532840" sldId="3454"/>
            <ac:spMk id="25" creationId="{BEA8E861-3A56-13AD-ACFC-96B451005753}"/>
          </ac:spMkLst>
        </pc:spChg>
        <pc:spChg chg="mod">
          <ac:chgData name="Abe,YutakaTKZIM" userId="4ea0f8c6-cb00-4a5a-9642-b208e11f484d" providerId="ADAL" clId="{DF643A51-0D77-4B0F-8B72-970EFD7718EC}" dt="2024-12-25T04:31:44.164" v="2764" actId="1076"/>
          <ac:spMkLst>
            <pc:docMk/>
            <pc:sldMk cId="3715532840" sldId="3454"/>
            <ac:spMk id="26" creationId="{29A0C7DF-90F4-B5AD-CBF2-F5C5BDB57363}"/>
          </ac:spMkLst>
        </pc:spChg>
        <pc:spChg chg="add mod">
          <ac:chgData name="Abe,YutakaTKZIM" userId="4ea0f8c6-cb00-4a5a-9642-b208e11f484d" providerId="ADAL" clId="{DF643A51-0D77-4B0F-8B72-970EFD7718EC}" dt="2024-12-25T04:29:23.066" v="2743" actId="1076"/>
          <ac:spMkLst>
            <pc:docMk/>
            <pc:sldMk cId="3715532840" sldId="3454"/>
            <ac:spMk id="27" creationId="{3EC3B244-EEED-05A7-1F8D-F14E1DFF7D35}"/>
          </ac:spMkLst>
        </pc:spChg>
        <pc:spChg chg="add mod">
          <ac:chgData name="Abe,YutakaTKZIM" userId="4ea0f8c6-cb00-4a5a-9642-b208e11f484d" providerId="ADAL" clId="{DF643A51-0D77-4B0F-8B72-970EFD7718EC}" dt="2024-12-25T04:29:18.674" v="2741" actId="571"/>
          <ac:spMkLst>
            <pc:docMk/>
            <pc:sldMk cId="3715532840" sldId="3454"/>
            <ac:spMk id="28" creationId="{CCA3E314-1C40-162D-9785-380D88CCB49A}"/>
          </ac:spMkLst>
        </pc:spChg>
        <pc:spChg chg="del">
          <ac:chgData name="Abe,YutakaTKZIM" userId="4ea0f8c6-cb00-4a5a-9642-b208e11f484d" providerId="ADAL" clId="{DF643A51-0D77-4B0F-8B72-970EFD7718EC}" dt="2024-12-25T04:27:28.283" v="2703" actId="478"/>
          <ac:spMkLst>
            <pc:docMk/>
            <pc:sldMk cId="3715532840" sldId="3454"/>
            <ac:spMk id="29" creationId="{BB6BD348-6F08-87B8-A2B2-F95268C7F8F2}"/>
          </ac:spMkLst>
        </pc:spChg>
        <pc:spChg chg="add del">
          <ac:chgData name="Abe,YutakaTKZIM" userId="4ea0f8c6-cb00-4a5a-9642-b208e11f484d" providerId="ADAL" clId="{DF643A51-0D77-4B0F-8B72-970EFD7718EC}" dt="2024-12-25T04:29:45.445" v="2746" actId="478"/>
          <ac:spMkLst>
            <pc:docMk/>
            <pc:sldMk cId="3715532840" sldId="3454"/>
            <ac:spMk id="30" creationId="{17093AC9-C06C-B635-B097-A2389FE49755}"/>
          </ac:spMkLst>
        </pc:spChg>
        <pc:spChg chg="add mod">
          <ac:chgData name="Abe,YutakaTKZIM" userId="4ea0f8c6-cb00-4a5a-9642-b208e11f484d" providerId="ADAL" clId="{DF643A51-0D77-4B0F-8B72-970EFD7718EC}" dt="2024-12-25T04:30:08.006" v="2750"/>
          <ac:spMkLst>
            <pc:docMk/>
            <pc:sldMk cId="3715532840" sldId="3454"/>
            <ac:spMk id="33" creationId="{1ED20244-9D8B-EA6A-C617-7CE636C6E316}"/>
          </ac:spMkLst>
        </pc:spChg>
        <pc:spChg chg="add del">
          <ac:chgData name="Abe,YutakaTKZIM" userId="4ea0f8c6-cb00-4a5a-9642-b208e11f484d" providerId="ADAL" clId="{DF643A51-0D77-4B0F-8B72-970EFD7718EC}" dt="2024-12-25T04:30:22.779" v="2752" actId="478"/>
          <ac:spMkLst>
            <pc:docMk/>
            <pc:sldMk cId="3715532840" sldId="3454"/>
            <ac:spMk id="39" creationId="{462F37A0-F248-BF17-FD27-35484ED3A489}"/>
          </ac:spMkLst>
        </pc:spChg>
        <pc:spChg chg="add del mod">
          <ac:chgData name="Abe,YutakaTKZIM" userId="4ea0f8c6-cb00-4a5a-9642-b208e11f484d" providerId="ADAL" clId="{DF643A51-0D77-4B0F-8B72-970EFD7718EC}" dt="2024-12-25T05:07:38.437" v="2858" actId="478"/>
          <ac:spMkLst>
            <pc:docMk/>
            <pc:sldMk cId="3715532840" sldId="3454"/>
            <ac:spMk id="41" creationId="{88971D6E-8A9F-B726-487A-7C701555625B}"/>
          </ac:spMkLst>
        </pc:spChg>
        <pc:spChg chg="add mod">
          <ac:chgData name="Abe,YutakaTKZIM" userId="4ea0f8c6-cb00-4a5a-9642-b208e11f484d" providerId="ADAL" clId="{DF643A51-0D77-4B0F-8B72-970EFD7718EC}" dt="2024-12-25T04:31:09.124" v="2759"/>
          <ac:spMkLst>
            <pc:docMk/>
            <pc:sldMk cId="3715532840" sldId="3454"/>
            <ac:spMk id="42" creationId="{43C900B2-196B-9F55-1C32-60C70DDC7B20}"/>
          </ac:spMkLst>
        </pc:spChg>
        <pc:spChg chg="add mod">
          <ac:chgData name="Abe,YutakaTKZIM" userId="4ea0f8c6-cb00-4a5a-9642-b208e11f484d" providerId="ADAL" clId="{DF643A51-0D77-4B0F-8B72-970EFD7718EC}" dt="2024-12-25T04:31:38.835" v="2763"/>
          <ac:spMkLst>
            <pc:docMk/>
            <pc:sldMk cId="3715532840" sldId="3454"/>
            <ac:spMk id="45" creationId="{050E74F7-79C8-E419-1678-32D7C30FB480}"/>
          </ac:spMkLst>
        </pc:spChg>
        <pc:spChg chg="add del">
          <ac:chgData name="Abe,YutakaTKZIM" userId="4ea0f8c6-cb00-4a5a-9642-b208e11f484d" providerId="ADAL" clId="{DF643A51-0D77-4B0F-8B72-970EFD7718EC}" dt="2024-12-25T04:31:58.331" v="2766" actId="478"/>
          <ac:spMkLst>
            <pc:docMk/>
            <pc:sldMk cId="3715532840" sldId="3454"/>
            <ac:spMk id="49" creationId="{51B0B61F-1FEA-9106-993A-CE1FFC03FE7C}"/>
          </ac:spMkLst>
        </pc:spChg>
        <pc:spChg chg="add mod">
          <ac:chgData name="Abe,YutakaTKZIM" userId="4ea0f8c6-cb00-4a5a-9642-b208e11f484d" providerId="ADAL" clId="{DF643A51-0D77-4B0F-8B72-970EFD7718EC}" dt="2024-12-25T04:32:17.693" v="2770"/>
          <ac:spMkLst>
            <pc:docMk/>
            <pc:sldMk cId="3715532840" sldId="3454"/>
            <ac:spMk id="52" creationId="{E2AF447A-2A89-EFFA-E6C5-CAC591FE6DA3}"/>
          </ac:spMkLst>
        </pc:spChg>
        <pc:spChg chg="add mod">
          <ac:chgData name="Abe,YutakaTKZIM" userId="4ea0f8c6-cb00-4a5a-9642-b208e11f484d" providerId="ADAL" clId="{DF643A51-0D77-4B0F-8B72-970EFD7718EC}" dt="2024-12-25T04:32:44.823" v="2776" actId="1035"/>
          <ac:spMkLst>
            <pc:docMk/>
            <pc:sldMk cId="3715532840" sldId="3454"/>
            <ac:spMk id="54" creationId="{DD08EF06-8979-8C57-F141-9B185125E118}"/>
          </ac:spMkLst>
        </pc:spChg>
        <pc:spChg chg="add mod">
          <ac:chgData name="Abe,YutakaTKZIM" userId="4ea0f8c6-cb00-4a5a-9642-b208e11f484d" providerId="ADAL" clId="{DF643A51-0D77-4B0F-8B72-970EFD7718EC}" dt="2024-12-25T04:33:13.182" v="2779"/>
          <ac:spMkLst>
            <pc:docMk/>
            <pc:sldMk cId="3715532840" sldId="3454"/>
            <ac:spMk id="55" creationId="{91364691-DE4D-D848-6442-ABB5DAE9E84C}"/>
          </ac:spMkLst>
        </pc:spChg>
        <pc:spChg chg="add mod">
          <ac:chgData name="Abe,YutakaTKZIM" userId="4ea0f8c6-cb00-4a5a-9642-b208e11f484d" providerId="ADAL" clId="{DF643A51-0D77-4B0F-8B72-970EFD7718EC}" dt="2024-12-25T04:33:33.919" v="2783"/>
          <ac:spMkLst>
            <pc:docMk/>
            <pc:sldMk cId="3715532840" sldId="3454"/>
            <ac:spMk id="56" creationId="{ABEF9F61-1543-6AD9-B0CD-C5037E417EB0}"/>
          </ac:spMkLst>
        </pc:spChg>
        <pc:spChg chg="add del mod">
          <ac:chgData name="Abe,YutakaTKZIM" userId="4ea0f8c6-cb00-4a5a-9642-b208e11f484d" providerId="ADAL" clId="{DF643A51-0D77-4B0F-8B72-970EFD7718EC}" dt="2024-12-25T05:07:33.502" v="2856" actId="478"/>
          <ac:spMkLst>
            <pc:docMk/>
            <pc:sldMk cId="3715532840" sldId="3454"/>
            <ac:spMk id="59" creationId="{B3B47D8A-6319-CA31-E4C7-D9F006768986}"/>
          </ac:spMkLst>
        </pc:spChg>
        <pc:spChg chg="add mod">
          <ac:chgData name="Abe,YutakaTKZIM" userId="4ea0f8c6-cb00-4a5a-9642-b208e11f484d" providerId="ADAL" clId="{DF643A51-0D77-4B0F-8B72-970EFD7718EC}" dt="2024-12-25T04:34:15.244" v="2790"/>
          <ac:spMkLst>
            <pc:docMk/>
            <pc:sldMk cId="3715532840" sldId="3454"/>
            <ac:spMk id="63" creationId="{AF51FBA2-CAA8-5E37-59F1-C734D0D9C765}"/>
          </ac:spMkLst>
        </pc:spChg>
        <pc:spChg chg="add mod">
          <ac:chgData name="Abe,YutakaTKZIM" userId="4ea0f8c6-cb00-4a5a-9642-b208e11f484d" providerId="ADAL" clId="{DF643A51-0D77-4B0F-8B72-970EFD7718EC}" dt="2024-12-25T04:34:35.902" v="2793"/>
          <ac:spMkLst>
            <pc:docMk/>
            <pc:sldMk cId="3715532840" sldId="3454"/>
            <ac:spMk id="65" creationId="{DF2CF99A-44A6-96AA-BD24-45C062D417D4}"/>
          </ac:spMkLst>
        </pc:spChg>
        <pc:spChg chg="add del mod">
          <ac:chgData name="Abe,YutakaTKZIM" userId="4ea0f8c6-cb00-4a5a-9642-b208e11f484d" providerId="ADAL" clId="{DF643A51-0D77-4B0F-8B72-970EFD7718EC}" dt="2024-12-25T05:06:46.900" v="2851" actId="478"/>
          <ac:spMkLst>
            <pc:docMk/>
            <pc:sldMk cId="3715532840" sldId="3454"/>
            <ac:spMk id="67" creationId="{B98FF170-64F4-544E-1335-40EB2B99D1BF}"/>
          </ac:spMkLst>
        </pc:spChg>
        <pc:spChg chg="add mod">
          <ac:chgData name="Abe,YutakaTKZIM" userId="4ea0f8c6-cb00-4a5a-9642-b208e11f484d" providerId="ADAL" clId="{DF643A51-0D77-4B0F-8B72-970EFD7718EC}" dt="2024-12-25T04:35:21.078" v="2799"/>
          <ac:spMkLst>
            <pc:docMk/>
            <pc:sldMk cId="3715532840" sldId="3454"/>
            <ac:spMk id="69" creationId="{18716D99-C9CC-34B9-342F-4C1832B51B7C}"/>
          </ac:spMkLst>
        </pc:spChg>
        <pc:spChg chg="add mod">
          <ac:chgData name="Abe,YutakaTKZIM" userId="4ea0f8c6-cb00-4a5a-9642-b208e11f484d" providerId="ADAL" clId="{DF643A51-0D77-4B0F-8B72-970EFD7718EC}" dt="2024-12-25T04:35:41.232" v="2802"/>
          <ac:spMkLst>
            <pc:docMk/>
            <pc:sldMk cId="3715532840" sldId="3454"/>
            <ac:spMk id="71" creationId="{E39D8017-AE88-A461-A34A-C53B6CBA8E6F}"/>
          </ac:spMkLst>
        </pc:spChg>
        <pc:spChg chg="add mod">
          <ac:chgData name="Abe,YutakaTKZIM" userId="4ea0f8c6-cb00-4a5a-9642-b208e11f484d" providerId="ADAL" clId="{DF643A51-0D77-4B0F-8B72-970EFD7718EC}" dt="2024-12-25T04:36:22.942" v="2805"/>
          <ac:spMkLst>
            <pc:docMk/>
            <pc:sldMk cId="3715532840" sldId="3454"/>
            <ac:spMk id="73" creationId="{75BCA129-D304-4211-FF2F-6AC409E49C6B}"/>
          </ac:spMkLst>
        </pc:spChg>
        <pc:spChg chg="add mod">
          <ac:chgData name="Abe,YutakaTKZIM" userId="4ea0f8c6-cb00-4a5a-9642-b208e11f484d" providerId="ADAL" clId="{DF643A51-0D77-4B0F-8B72-970EFD7718EC}" dt="2024-12-25T04:36:36.523" v="2806" actId="571"/>
          <ac:spMkLst>
            <pc:docMk/>
            <pc:sldMk cId="3715532840" sldId="3454"/>
            <ac:spMk id="74" creationId="{CAEEC876-FBB1-67F7-D936-FC6F6F8A9F73}"/>
          </ac:spMkLst>
        </pc:spChg>
        <pc:spChg chg="add mod">
          <ac:chgData name="Abe,YutakaTKZIM" userId="4ea0f8c6-cb00-4a5a-9642-b208e11f484d" providerId="ADAL" clId="{DF643A51-0D77-4B0F-8B72-970EFD7718EC}" dt="2024-12-25T04:36:38.561" v="2807" actId="571"/>
          <ac:spMkLst>
            <pc:docMk/>
            <pc:sldMk cId="3715532840" sldId="3454"/>
            <ac:spMk id="75" creationId="{332231F7-1643-4906-429A-1D11C52DFD87}"/>
          </ac:spMkLst>
        </pc:spChg>
        <pc:spChg chg="add mod">
          <ac:chgData name="Abe,YutakaTKZIM" userId="4ea0f8c6-cb00-4a5a-9642-b208e11f484d" providerId="ADAL" clId="{DF643A51-0D77-4B0F-8B72-970EFD7718EC}" dt="2024-12-25T04:36:40.819" v="2808" actId="571"/>
          <ac:spMkLst>
            <pc:docMk/>
            <pc:sldMk cId="3715532840" sldId="3454"/>
            <ac:spMk id="76" creationId="{7D38AB0E-F651-94E4-E120-13D2BC323CCD}"/>
          </ac:spMkLst>
        </pc:spChg>
        <pc:spChg chg="add mod">
          <ac:chgData name="Abe,YutakaTKZIM" userId="4ea0f8c6-cb00-4a5a-9642-b208e11f484d" providerId="ADAL" clId="{DF643A51-0D77-4B0F-8B72-970EFD7718EC}" dt="2024-12-25T04:38:08.564" v="2822" actId="1076"/>
          <ac:spMkLst>
            <pc:docMk/>
            <pc:sldMk cId="3715532840" sldId="3454"/>
            <ac:spMk id="78" creationId="{E73885AF-7B73-4F3D-DCB7-157DB633766D}"/>
          </ac:spMkLst>
        </pc:spChg>
        <pc:spChg chg="add mod">
          <ac:chgData name="Abe,YutakaTKZIM" userId="4ea0f8c6-cb00-4a5a-9642-b208e11f484d" providerId="ADAL" clId="{DF643A51-0D77-4B0F-8B72-970EFD7718EC}" dt="2024-12-25T04:37:01.237" v="2812"/>
          <ac:spMkLst>
            <pc:docMk/>
            <pc:sldMk cId="3715532840" sldId="3454"/>
            <ac:spMk id="88" creationId="{8F03E2D9-5048-0F51-61AB-E01AEA5FD8FE}"/>
          </ac:spMkLst>
        </pc:spChg>
        <pc:spChg chg="add mod">
          <ac:chgData name="Abe,YutakaTKZIM" userId="4ea0f8c6-cb00-4a5a-9642-b208e11f484d" providerId="ADAL" clId="{DF643A51-0D77-4B0F-8B72-970EFD7718EC}" dt="2024-12-25T04:37:23.009" v="2815"/>
          <ac:spMkLst>
            <pc:docMk/>
            <pc:sldMk cId="3715532840" sldId="3454"/>
            <ac:spMk id="89" creationId="{F4238847-7BCB-6040-AEB9-D6ED3E4E68DC}"/>
          </ac:spMkLst>
        </pc:spChg>
        <pc:spChg chg="add mod">
          <ac:chgData name="Abe,YutakaTKZIM" userId="4ea0f8c6-cb00-4a5a-9642-b208e11f484d" providerId="ADAL" clId="{DF643A51-0D77-4B0F-8B72-970EFD7718EC}" dt="2024-12-25T04:37:42.218" v="2818"/>
          <ac:spMkLst>
            <pc:docMk/>
            <pc:sldMk cId="3715532840" sldId="3454"/>
            <ac:spMk id="90" creationId="{B5340E34-F0AA-441C-1AE2-320E6CCF4884}"/>
          </ac:spMkLst>
        </pc:spChg>
        <pc:spChg chg="add mod">
          <ac:chgData name="Abe,YutakaTKZIM" userId="4ea0f8c6-cb00-4a5a-9642-b208e11f484d" providerId="ADAL" clId="{DF643A51-0D77-4B0F-8B72-970EFD7718EC}" dt="2024-12-25T04:38:03.511" v="2821"/>
          <ac:spMkLst>
            <pc:docMk/>
            <pc:sldMk cId="3715532840" sldId="3454"/>
            <ac:spMk id="91" creationId="{4506412B-ACAB-81D7-7A6C-C35EC0C9CD65}"/>
          </ac:spMkLst>
        </pc:spChg>
        <pc:spChg chg="add mod">
          <ac:chgData name="Abe,YutakaTKZIM" userId="4ea0f8c6-cb00-4a5a-9642-b208e11f484d" providerId="ADAL" clId="{DF643A51-0D77-4B0F-8B72-970EFD7718EC}" dt="2024-12-25T04:38:26.219" v="2825"/>
          <ac:spMkLst>
            <pc:docMk/>
            <pc:sldMk cId="3715532840" sldId="3454"/>
            <ac:spMk id="92" creationId="{5A220CEC-027C-6DBB-8AF6-412EA393C3B8}"/>
          </ac:spMkLst>
        </pc:spChg>
        <pc:spChg chg="add mod">
          <ac:chgData name="Abe,YutakaTKZIM" userId="4ea0f8c6-cb00-4a5a-9642-b208e11f484d" providerId="ADAL" clId="{DF643A51-0D77-4B0F-8B72-970EFD7718EC}" dt="2024-12-25T04:38:46.082" v="2828"/>
          <ac:spMkLst>
            <pc:docMk/>
            <pc:sldMk cId="3715532840" sldId="3454"/>
            <ac:spMk id="93" creationId="{772C4B04-9EB0-E88F-3CED-1F781A563838}"/>
          </ac:spMkLst>
        </pc:spChg>
        <pc:spChg chg="add mod">
          <ac:chgData name="Abe,YutakaTKZIM" userId="4ea0f8c6-cb00-4a5a-9642-b208e11f484d" providerId="ADAL" clId="{DF643A51-0D77-4B0F-8B72-970EFD7718EC}" dt="2024-12-25T04:39:09.357" v="2831"/>
          <ac:spMkLst>
            <pc:docMk/>
            <pc:sldMk cId="3715532840" sldId="3454"/>
            <ac:spMk id="94" creationId="{97D0D216-B16F-420C-6BFF-07406D40D9C2}"/>
          </ac:spMkLst>
        </pc:spChg>
        <pc:spChg chg="add mod">
          <ac:chgData name="Abe,YutakaTKZIM" userId="4ea0f8c6-cb00-4a5a-9642-b208e11f484d" providerId="ADAL" clId="{DF643A51-0D77-4B0F-8B72-970EFD7718EC}" dt="2024-12-25T04:39:32.236" v="2834"/>
          <ac:spMkLst>
            <pc:docMk/>
            <pc:sldMk cId="3715532840" sldId="3454"/>
            <ac:spMk id="95" creationId="{A07C1A4D-ACED-D90C-4A0A-20D8D31AE2C2}"/>
          </ac:spMkLst>
        </pc:spChg>
        <pc:spChg chg="add del mod">
          <ac:chgData name="Abe,YutakaTKZIM" userId="4ea0f8c6-cb00-4a5a-9642-b208e11f484d" providerId="ADAL" clId="{DF643A51-0D77-4B0F-8B72-970EFD7718EC}" dt="2024-12-25T05:06:54.025" v="2852" actId="478"/>
          <ac:spMkLst>
            <pc:docMk/>
            <pc:sldMk cId="3715532840" sldId="3454"/>
            <ac:spMk id="96" creationId="{69C6CAC9-CABF-6056-5B6A-F2033AFEEECA}"/>
          </ac:spMkLst>
        </pc:spChg>
        <pc:spChg chg="add mod">
          <ac:chgData name="Abe,YutakaTKZIM" userId="4ea0f8c6-cb00-4a5a-9642-b208e11f484d" providerId="ADAL" clId="{DF643A51-0D77-4B0F-8B72-970EFD7718EC}" dt="2024-12-25T05:04:59.082" v="2844"/>
          <ac:spMkLst>
            <pc:docMk/>
            <pc:sldMk cId="3715532840" sldId="3454"/>
            <ac:spMk id="97" creationId="{07A544D4-1917-A263-509C-3C2190F2EEE9}"/>
          </ac:spMkLst>
        </pc:spChg>
        <pc:spChg chg="add mod">
          <ac:chgData name="Abe,YutakaTKZIM" userId="4ea0f8c6-cb00-4a5a-9642-b208e11f484d" providerId="ADAL" clId="{DF643A51-0D77-4B0F-8B72-970EFD7718EC}" dt="2024-12-25T05:05:50.409" v="2847"/>
          <ac:spMkLst>
            <pc:docMk/>
            <pc:sldMk cId="3715532840" sldId="3454"/>
            <ac:spMk id="98" creationId="{1C848D1A-6650-D38F-5C66-E02742C5C462}"/>
          </ac:spMkLst>
        </pc:spChg>
        <pc:spChg chg="add mod">
          <ac:chgData name="Abe,YutakaTKZIM" userId="4ea0f8c6-cb00-4a5a-9642-b208e11f484d" providerId="ADAL" clId="{DF643A51-0D77-4B0F-8B72-970EFD7718EC}" dt="2024-12-25T05:06:21.777" v="2850"/>
          <ac:spMkLst>
            <pc:docMk/>
            <pc:sldMk cId="3715532840" sldId="3454"/>
            <ac:spMk id="99" creationId="{16CAA5F7-037C-53A2-15A7-CC0804DF4EC0}"/>
          </ac:spMkLst>
        </pc:spChg>
        <pc:spChg chg="add mod">
          <ac:chgData name="Abe,YutakaTKZIM" userId="4ea0f8c6-cb00-4a5a-9642-b208e11f484d" providerId="ADAL" clId="{DF643A51-0D77-4B0F-8B72-970EFD7718EC}" dt="2024-12-25T05:07:15.600" v="2855"/>
          <ac:spMkLst>
            <pc:docMk/>
            <pc:sldMk cId="3715532840" sldId="3454"/>
            <ac:spMk id="100" creationId="{CF1C8282-F5B4-A476-C4C7-95F2B3C25F86}"/>
          </ac:spMkLst>
        </pc:spChg>
        <pc:picChg chg="add del mod">
          <ac:chgData name="Abe,YutakaTKZIM" userId="4ea0f8c6-cb00-4a5a-9642-b208e11f484d" providerId="ADAL" clId="{DF643A51-0D77-4B0F-8B72-970EFD7718EC}" dt="2024-12-25T04:40:20.885" v="2838" actId="478"/>
          <ac:picMkLst>
            <pc:docMk/>
            <pc:sldMk cId="3715532840" sldId="3454"/>
            <ac:picMk id="3074" creationId="{B35828E1-5DB3-FFDE-1DD9-0D42F62C52E3}"/>
          </ac:picMkLst>
        </pc:picChg>
        <pc:cxnChg chg="del mod">
          <ac:chgData name="Abe,YutakaTKZIM" userId="4ea0f8c6-cb00-4a5a-9642-b208e11f484d" providerId="ADAL" clId="{DF643A51-0D77-4B0F-8B72-970EFD7718EC}" dt="2024-12-25T04:27:36.024" v="2706" actId="478"/>
          <ac:cxnSpMkLst>
            <pc:docMk/>
            <pc:sldMk cId="3715532840" sldId="3454"/>
            <ac:cxnSpMk id="31" creationId="{329E6EDA-DEFF-CB87-322B-F16F1EDA5A7E}"/>
          </ac:cxnSpMkLst>
        </pc:cxnChg>
        <pc:cxnChg chg="del mod">
          <ac:chgData name="Abe,YutakaTKZIM" userId="4ea0f8c6-cb00-4a5a-9642-b208e11f484d" providerId="ADAL" clId="{DF643A51-0D77-4B0F-8B72-970EFD7718EC}" dt="2024-12-25T04:27:36.024" v="2706" actId="478"/>
          <ac:cxnSpMkLst>
            <pc:docMk/>
            <pc:sldMk cId="3715532840" sldId="3454"/>
            <ac:cxnSpMk id="32" creationId="{F8835BA2-25E2-F4F4-8569-CD980ECD3393}"/>
          </ac:cxnSpMkLst>
        </pc:cxnChg>
        <pc:cxnChg chg="del">
          <ac:chgData name="Abe,YutakaTKZIM" userId="4ea0f8c6-cb00-4a5a-9642-b208e11f484d" providerId="ADAL" clId="{DF643A51-0D77-4B0F-8B72-970EFD7718EC}" dt="2024-12-25T04:27:36.024" v="2706" actId="478"/>
          <ac:cxnSpMkLst>
            <pc:docMk/>
            <pc:sldMk cId="3715532840" sldId="3454"/>
            <ac:cxnSpMk id="34" creationId="{7805BEFB-3971-2237-2439-314797E35D72}"/>
          </ac:cxnSpMkLst>
        </pc:cxnChg>
        <pc:cxnChg chg="del">
          <ac:chgData name="Abe,YutakaTKZIM" userId="4ea0f8c6-cb00-4a5a-9642-b208e11f484d" providerId="ADAL" clId="{DF643A51-0D77-4B0F-8B72-970EFD7718EC}" dt="2024-12-25T04:27:28.283" v="2703" actId="478"/>
          <ac:cxnSpMkLst>
            <pc:docMk/>
            <pc:sldMk cId="3715532840" sldId="3454"/>
            <ac:cxnSpMk id="35" creationId="{28AF1E9B-08B1-31C9-7E3F-C1EACD659442}"/>
          </ac:cxnSpMkLst>
        </pc:cxnChg>
        <pc:cxnChg chg="del">
          <ac:chgData name="Abe,YutakaTKZIM" userId="4ea0f8c6-cb00-4a5a-9642-b208e11f484d" providerId="ADAL" clId="{DF643A51-0D77-4B0F-8B72-970EFD7718EC}" dt="2024-12-25T04:27:28.283" v="2703" actId="478"/>
          <ac:cxnSpMkLst>
            <pc:docMk/>
            <pc:sldMk cId="3715532840" sldId="3454"/>
            <ac:cxnSpMk id="36" creationId="{47CAD5E1-AD60-4920-A6E0-770E554043AA}"/>
          </ac:cxnSpMkLst>
        </pc:cxnChg>
        <pc:cxnChg chg="del">
          <ac:chgData name="Abe,YutakaTKZIM" userId="4ea0f8c6-cb00-4a5a-9642-b208e11f484d" providerId="ADAL" clId="{DF643A51-0D77-4B0F-8B72-970EFD7718EC}" dt="2024-12-25T04:27:28.283" v="2703" actId="478"/>
          <ac:cxnSpMkLst>
            <pc:docMk/>
            <pc:sldMk cId="3715532840" sldId="3454"/>
            <ac:cxnSpMk id="37" creationId="{CAE4042C-BCE5-373F-42C5-1796DCC78163}"/>
          </ac:cxnSpMkLst>
        </pc:cxnChg>
        <pc:cxnChg chg="del">
          <ac:chgData name="Abe,YutakaTKZIM" userId="4ea0f8c6-cb00-4a5a-9642-b208e11f484d" providerId="ADAL" clId="{DF643A51-0D77-4B0F-8B72-970EFD7718EC}" dt="2024-12-25T04:27:28.283" v="2703" actId="478"/>
          <ac:cxnSpMkLst>
            <pc:docMk/>
            <pc:sldMk cId="3715532840" sldId="3454"/>
            <ac:cxnSpMk id="38" creationId="{B3DCA5E5-DD03-6F9F-4223-3815C286BAFF}"/>
          </ac:cxnSpMkLst>
        </pc:cxnChg>
        <pc:cxnChg chg="del mod">
          <ac:chgData name="Abe,YutakaTKZIM" userId="4ea0f8c6-cb00-4a5a-9642-b208e11f484d" providerId="ADAL" clId="{DF643A51-0D77-4B0F-8B72-970EFD7718EC}" dt="2024-12-25T04:27:36.024" v="2706" actId="478"/>
          <ac:cxnSpMkLst>
            <pc:docMk/>
            <pc:sldMk cId="3715532840" sldId="3454"/>
            <ac:cxnSpMk id="40" creationId="{8A8785F6-F639-D620-043C-1D7F90D5383B}"/>
          </ac:cxnSpMkLst>
        </pc:cxnChg>
        <pc:cxnChg chg="del">
          <ac:chgData name="Abe,YutakaTKZIM" userId="4ea0f8c6-cb00-4a5a-9642-b208e11f484d" providerId="ADAL" clId="{DF643A51-0D77-4B0F-8B72-970EFD7718EC}" dt="2024-12-25T04:27:36.024" v="2706" actId="478"/>
          <ac:cxnSpMkLst>
            <pc:docMk/>
            <pc:sldMk cId="3715532840" sldId="3454"/>
            <ac:cxnSpMk id="43" creationId="{E6BB774D-0109-9807-EE6B-6C25095A169A}"/>
          </ac:cxnSpMkLst>
        </pc:cxnChg>
        <pc:cxnChg chg="del">
          <ac:chgData name="Abe,YutakaTKZIM" userId="4ea0f8c6-cb00-4a5a-9642-b208e11f484d" providerId="ADAL" clId="{DF643A51-0D77-4B0F-8B72-970EFD7718EC}" dt="2024-12-25T04:27:36.024" v="2706" actId="478"/>
          <ac:cxnSpMkLst>
            <pc:docMk/>
            <pc:sldMk cId="3715532840" sldId="3454"/>
            <ac:cxnSpMk id="44" creationId="{0B4986E2-505C-B02C-9568-82431D0D9B73}"/>
          </ac:cxnSpMkLst>
        </pc:cxnChg>
        <pc:cxnChg chg="del">
          <ac:chgData name="Abe,YutakaTKZIM" userId="4ea0f8c6-cb00-4a5a-9642-b208e11f484d" providerId="ADAL" clId="{DF643A51-0D77-4B0F-8B72-970EFD7718EC}" dt="2024-12-25T04:27:36.024" v="2706" actId="478"/>
          <ac:cxnSpMkLst>
            <pc:docMk/>
            <pc:sldMk cId="3715532840" sldId="3454"/>
            <ac:cxnSpMk id="46" creationId="{F9271544-4778-D750-9334-76F686DF6098}"/>
          </ac:cxnSpMkLst>
        </pc:cxnChg>
        <pc:cxnChg chg="del">
          <ac:chgData name="Abe,YutakaTKZIM" userId="4ea0f8c6-cb00-4a5a-9642-b208e11f484d" providerId="ADAL" clId="{DF643A51-0D77-4B0F-8B72-970EFD7718EC}" dt="2024-12-25T04:27:36.024" v="2706" actId="478"/>
          <ac:cxnSpMkLst>
            <pc:docMk/>
            <pc:sldMk cId="3715532840" sldId="3454"/>
            <ac:cxnSpMk id="47" creationId="{8B99AE6C-A7F7-D359-92FF-933702B44CA9}"/>
          </ac:cxnSpMkLst>
        </pc:cxnChg>
        <pc:cxnChg chg="del mod">
          <ac:chgData name="Abe,YutakaTKZIM" userId="4ea0f8c6-cb00-4a5a-9642-b208e11f484d" providerId="ADAL" clId="{DF643A51-0D77-4B0F-8B72-970EFD7718EC}" dt="2024-12-25T04:27:36.024" v="2706" actId="478"/>
          <ac:cxnSpMkLst>
            <pc:docMk/>
            <pc:sldMk cId="3715532840" sldId="3454"/>
            <ac:cxnSpMk id="48" creationId="{8AECE727-6CD4-2EF0-F308-8F0359448BE9}"/>
          </ac:cxnSpMkLst>
        </pc:cxnChg>
        <pc:cxnChg chg="del">
          <ac:chgData name="Abe,YutakaTKZIM" userId="4ea0f8c6-cb00-4a5a-9642-b208e11f484d" providerId="ADAL" clId="{DF643A51-0D77-4B0F-8B72-970EFD7718EC}" dt="2024-12-25T04:27:36.024" v="2706" actId="478"/>
          <ac:cxnSpMkLst>
            <pc:docMk/>
            <pc:sldMk cId="3715532840" sldId="3454"/>
            <ac:cxnSpMk id="50" creationId="{12324D6F-0B93-3CB2-7730-750AC75BF9CC}"/>
          </ac:cxnSpMkLst>
        </pc:cxnChg>
        <pc:cxnChg chg="del mod">
          <ac:chgData name="Abe,YutakaTKZIM" userId="4ea0f8c6-cb00-4a5a-9642-b208e11f484d" providerId="ADAL" clId="{DF643A51-0D77-4B0F-8B72-970EFD7718EC}" dt="2024-12-25T04:27:36.024" v="2706" actId="478"/>
          <ac:cxnSpMkLst>
            <pc:docMk/>
            <pc:sldMk cId="3715532840" sldId="3454"/>
            <ac:cxnSpMk id="51" creationId="{AA99B010-E9C8-778F-AE93-B3C887D0DFB5}"/>
          </ac:cxnSpMkLst>
        </pc:cxnChg>
        <pc:cxnChg chg="del mod">
          <ac:chgData name="Abe,YutakaTKZIM" userId="4ea0f8c6-cb00-4a5a-9642-b208e11f484d" providerId="ADAL" clId="{DF643A51-0D77-4B0F-8B72-970EFD7718EC}" dt="2024-12-25T04:27:36.024" v="2706" actId="478"/>
          <ac:cxnSpMkLst>
            <pc:docMk/>
            <pc:sldMk cId="3715532840" sldId="3454"/>
            <ac:cxnSpMk id="53" creationId="{138B3662-0FD9-DF03-AB23-787544389AE3}"/>
          </ac:cxnSpMkLst>
        </pc:cxnChg>
        <pc:cxnChg chg="del mod">
          <ac:chgData name="Abe,YutakaTKZIM" userId="4ea0f8c6-cb00-4a5a-9642-b208e11f484d" providerId="ADAL" clId="{DF643A51-0D77-4B0F-8B72-970EFD7718EC}" dt="2024-12-25T04:27:39.804" v="2709" actId="478"/>
          <ac:cxnSpMkLst>
            <pc:docMk/>
            <pc:sldMk cId="3715532840" sldId="3454"/>
            <ac:cxnSpMk id="57" creationId="{19B8A7F6-8FBC-CEB8-EF69-7067409978A2}"/>
          </ac:cxnSpMkLst>
        </pc:cxnChg>
        <pc:cxnChg chg="del mod">
          <ac:chgData name="Abe,YutakaTKZIM" userId="4ea0f8c6-cb00-4a5a-9642-b208e11f484d" providerId="ADAL" clId="{DF643A51-0D77-4B0F-8B72-970EFD7718EC}" dt="2024-12-25T04:27:36.024" v="2706" actId="478"/>
          <ac:cxnSpMkLst>
            <pc:docMk/>
            <pc:sldMk cId="3715532840" sldId="3454"/>
            <ac:cxnSpMk id="58" creationId="{0DE418CD-BAAE-DB86-8909-9E6854351F1A}"/>
          </ac:cxnSpMkLst>
        </pc:cxnChg>
        <pc:cxnChg chg="del">
          <ac:chgData name="Abe,YutakaTKZIM" userId="4ea0f8c6-cb00-4a5a-9642-b208e11f484d" providerId="ADAL" clId="{DF643A51-0D77-4B0F-8B72-970EFD7718EC}" dt="2024-12-25T04:27:36.024" v="2706" actId="478"/>
          <ac:cxnSpMkLst>
            <pc:docMk/>
            <pc:sldMk cId="3715532840" sldId="3454"/>
            <ac:cxnSpMk id="60" creationId="{E62214DF-AB04-3023-AD12-A2EE84A5CAD1}"/>
          </ac:cxnSpMkLst>
        </pc:cxnChg>
        <pc:cxnChg chg="del">
          <ac:chgData name="Abe,YutakaTKZIM" userId="4ea0f8c6-cb00-4a5a-9642-b208e11f484d" providerId="ADAL" clId="{DF643A51-0D77-4B0F-8B72-970EFD7718EC}" dt="2024-12-25T04:27:36.024" v="2706" actId="478"/>
          <ac:cxnSpMkLst>
            <pc:docMk/>
            <pc:sldMk cId="3715532840" sldId="3454"/>
            <ac:cxnSpMk id="61" creationId="{44C605B0-D37F-5449-B18F-72029090B8C4}"/>
          </ac:cxnSpMkLst>
        </pc:cxnChg>
        <pc:cxnChg chg="del mod">
          <ac:chgData name="Abe,YutakaTKZIM" userId="4ea0f8c6-cb00-4a5a-9642-b208e11f484d" providerId="ADAL" clId="{DF643A51-0D77-4B0F-8B72-970EFD7718EC}" dt="2024-12-25T04:27:36.024" v="2706" actId="478"/>
          <ac:cxnSpMkLst>
            <pc:docMk/>
            <pc:sldMk cId="3715532840" sldId="3454"/>
            <ac:cxnSpMk id="62" creationId="{CA5C407A-2388-99EC-DDA3-02110768C84C}"/>
          </ac:cxnSpMkLst>
        </pc:cxnChg>
        <pc:cxnChg chg="del mod">
          <ac:chgData name="Abe,YutakaTKZIM" userId="4ea0f8c6-cb00-4a5a-9642-b208e11f484d" providerId="ADAL" clId="{DF643A51-0D77-4B0F-8B72-970EFD7718EC}" dt="2024-12-25T04:27:36.024" v="2706" actId="478"/>
          <ac:cxnSpMkLst>
            <pc:docMk/>
            <pc:sldMk cId="3715532840" sldId="3454"/>
            <ac:cxnSpMk id="64" creationId="{A4F0F9F3-9E2F-0128-4A46-2C3E360F72BB}"/>
          </ac:cxnSpMkLst>
        </pc:cxnChg>
        <pc:cxnChg chg="del mod">
          <ac:chgData name="Abe,YutakaTKZIM" userId="4ea0f8c6-cb00-4a5a-9642-b208e11f484d" providerId="ADAL" clId="{DF643A51-0D77-4B0F-8B72-970EFD7718EC}" dt="2024-12-25T04:27:36.024" v="2706" actId="478"/>
          <ac:cxnSpMkLst>
            <pc:docMk/>
            <pc:sldMk cId="3715532840" sldId="3454"/>
            <ac:cxnSpMk id="66" creationId="{78081BB5-CD76-F3B2-BD49-DEA63ED4691A}"/>
          </ac:cxnSpMkLst>
        </pc:cxnChg>
        <pc:cxnChg chg="del mod">
          <ac:chgData name="Abe,YutakaTKZIM" userId="4ea0f8c6-cb00-4a5a-9642-b208e11f484d" providerId="ADAL" clId="{DF643A51-0D77-4B0F-8B72-970EFD7718EC}" dt="2024-12-25T04:27:36.024" v="2706" actId="478"/>
          <ac:cxnSpMkLst>
            <pc:docMk/>
            <pc:sldMk cId="3715532840" sldId="3454"/>
            <ac:cxnSpMk id="68" creationId="{3B690933-1C6C-7401-F171-6461BB12CCF7}"/>
          </ac:cxnSpMkLst>
        </pc:cxnChg>
        <pc:cxnChg chg="del mod">
          <ac:chgData name="Abe,YutakaTKZIM" userId="4ea0f8c6-cb00-4a5a-9642-b208e11f484d" providerId="ADAL" clId="{DF643A51-0D77-4B0F-8B72-970EFD7718EC}" dt="2024-12-25T04:27:36.024" v="2706" actId="478"/>
          <ac:cxnSpMkLst>
            <pc:docMk/>
            <pc:sldMk cId="3715532840" sldId="3454"/>
            <ac:cxnSpMk id="70" creationId="{DBE1394D-E72B-E068-7BF4-BC8BFF4FEE46}"/>
          </ac:cxnSpMkLst>
        </pc:cxnChg>
        <pc:cxnChg chg="del mod">
          <ac:chgData name="Abe,YutakaTKZIM" userId="4ea0f8c6-cb00-4a5a-9642-b208e11f484d" providerId="ADAL" clId="{DF643A51-0D77-4B0F-8B72-970EFD7718EC}" dt="2024-12-25T04:27:36.024" v="2706" actId="478"/>
          <ac:cxnSpMkLst>
            <pc:docMk/>
            <pc:sldMk cId="3715532840" sldId="3454"/>
            <ac:cxnSpMk id="72" creationId="{B1AD33AD-18BF-D44D-FE9F-061EAB05A4DC}"/>
          </ac:cxnSpMkLst>
        </pc:cxnChg>
        <pc:cxnChg chg="del mod">
          <ac:chgData name="Abe,YutakaTKZIM" userId="4ea0f8c6-cb00-4a5a-9642-b208e11f484d" providerId="ADAL" clId="{DF643A51-0D77-4B0F-8B72-970EFD7718EC}" dt="2024-12-25T04:27:38.780" v="2708" actId="478"/>
          <ac:cxnSpMkLst>
            <pc:docMk/>
            <pc:sldMk cId="3715532840" sldId="3454"/>
            <ac:cxnSpMk id="77" creationId="{68CC0A5C-E732-1D3E-224F-150F0FD03484}"/>
          </ac:cxnSpMkLst>
        </pc:cxnChg>
        <pc:cxnChg chg="del mod">
          <ac:chgData name="Abe,YutakaTKZIM" userId="4ea0f8c6-cb00-4a5a-9642-b208e11f484d" providerId="ADAL" clId="{DF643A51-0D77-4B0F-8B72-970EFD7718EC}" dt="2024-12-25T04:27:37.547" v="2707" actId="478"/>
          <ac:cxnSpMkLst>
            <pc:docMk/>
            <pc:sldMk cId="3715532840" sldId="3454"/>
            <ac:cxnSpMk id="79" creationId="{B18061A9-ADC2-3CD3-A44D-45E77F10BDAF}"/>
          </ac:cxnSpMkLst>
        </pc:cxnChg>
        <pc:cxnChg chg="del">
          <ac:chgData name="Abe,YutakaTKZIM" userId="4ea0f8c6-cb00-4a5a-9642-b208e11f484d" providerId="ADAL" clId="{DF643A51-0D77-4B0F-8B72-970EFD7718EC}" dt="2024-12-25T04:27:28.283" v="2703" actId="478"/>
          <ac:cxnSpMkLst>
            <pc:docMk/>
            <pc:sldMk cId="3715532840" sldId="3454"/>
            <ac:cxnSpMk id="80" creationId="{B9339211-8B38-1E20-07C9-82179D797A2E}"/>
          </ac:cxnSpMkLst>
        </pc:cxnChg>
        <pc:cxnChg chg="del">
          <ac:chgData name="Abe,YutakaTKZIM" userId="4ea0f8c6-cb00-4a5a-9642-b208e11f484d" providerId="ADAL" clId="{DF643A51-0D77-4B0F-8B72-970EFD7718EC}" dt="2024-12-25T04:27:28.283" v="2703" actId="478"/>
          <ac:cxnSpMkLst>
            <pc:docMk/>
            <pc:sldMk cId="3715532840" sldId="3454"/>
            <ac:cxnSpMk id="81" creationId="{5C4348E5-531A-041D-DD52-CAED5D86A8EF}"/>
          </ac:cxnSpMkLst>
        </pc:cxnChg>
        <pc:cxnChg chg="del">
          <ac:chgData name="Abe,YutakaTKZIM" userId="4ea0f8c6-cb00-4a5a-9642-b208e11f484d" providerId="ADAL" clId="{DF643A51-0D77-4B0F-8B72-970EFD7718EC}" dt="2024-12-25T04:27:28.283" v="2703" actId="478"/>
          <ac:cxnSpMkLst>
            <pc:docMk/>
            <pc:sldMk cId="3715532840" sldId="3454"/>
            <ac:cxnSpMk id="82" creationId="{617105D0-363B-67B4-4632-25A23BEE787E}"/>
          </ac:cxnSpMkLst>
        </pc:cxnChg>
        <pc:cxnChg chg="del">
          <ac:chgData name="Abe,YutakaTKZIM" userId="4ea0f8c6-cb00-4a5a-9642-b208e11f484d" providerId="ADAL" clId="{DF643A51-0D77-4B0F-8B72-970EFD7718EC}" dt="2024-12-25T04:27:28.283" v="2703" actId="478"/>
          <ac:cxnSpMkLst>
            <pc:docMk/>
            <pc:sldMk cId="3715532840" sldId="3454"/>
            <ac:cxnSpMk id="83" creationId="{39F16064-B460-2097-75E9-97642F8D5297}"/>
          </ac:cxnSpMkLst>
        </pc:cxnChg>
        <pc:cxnChg chg="del">
          <ac:chgData name="Abe,YutakaTKZIM" userId="4ea0f8c6-cb00-4a5a-9642-b208e11f484d" providerId="ADAL" clId="{DF643A51-0D77-4B0F-8B72-970EFD7718EC}" dt="2024-12-25T04:27:42.006" v="2711" actId="478"/>
          <ac:cxnSpMkLst>
            <pc:docMk/>
            <pc:sldMk cId="3715532840" sldId="3454"/>
            <ac:cxnSpMk id="84" creationId="{A6541940-A676-A340-9996-4E6E42B8BB22}"/>
          </ac:cxnSpMkLst>
        </pc:cxnChg>
        <pc:cxnChg chg="del">
          <ac:chgData name="Abe,YutakaTKZIM" userId="4ea0f8c6-cb00-4a5a-9642-b208e11f484d" providerId="ADAL" clId="{DF643A51-0D77-4B0F-8B72-970EFD7718EC}" dt="2024-12-25T04:27:41.125" v="2710" actId="478"/>
          <ac:cxnSpMkLst>
            <pc:docMk/>
            <pc:sldMk cId="3715532840" sldId="3454"/>
            <ac:cxnSpMk id="85" creationId="{32AF40E8-F4B1-8B3D-473A-A2325FA5F0C9}"/>
          </ac:cxnSpMkLst>
        </pc:cxnChg>
        <pc:cxnChg chg="del">
          <ac:chgData name="Abe,YutakaTKZIM" userId="4ea0f8c6-cb00-4a5a-9642-b208e11f484d" providerId="ADAL" clId="{DF643A51-0D77-4B0F-8B72-970EFD7718EC}" dt="2024-12-25T04:27:43.378" v="2712" actId="478"/>
          <ac:cxnSpMkLst>
            <pc:docMk/>
            <pc:sldMk cId="3715532840" sldId="3454"/>
            <ac:cxnSpMk id="86" creationId="{D24E17D1-93C4-CB37-81CE-D6D45D5E53E8}"/>
          </ac:cxnSpMkLst>
        </pc:cxnChg>
        <pc:cxnChg chg="del">
          <ac:chgData name="Abe,YutakaTKZIM" userId="4ea0f8c6-cb00-4a5a-9642-b208e11f484d" providerId="ADAL" clId="{DF643A51-0D77-4B0F-8B72-970EFD7718EC}" dt="2024-12-25T04:27:44.150" v="2713" actId="478"/>
          <ac:cxnSpMkLst>
            <pc:docMk/>
            <pc:sldMk cId="3715532840" sldId="3454"/>
            <ac:cxnSpMk id="87" creationId="{C7E3E134-4C34-C29B-9799-F3359DCB0D3F}"/>
          </ac:cxnSpMkLst>
        </pc:cxnChg>
      </pc:sldChg>
      <pc:sldChg chg="addSp delSp modSp add mod ord">
        <pc:chgData name="Abe,YutakaTKZIM" userId="4ea0f8c6-cb00-4a5a-9642-b208e11f484d" providerId="ADAL" clId="{DF643A51-0D77-4B0F-8B72-970EFD7718EC}" dt="2024-12-27T01:35:46.155" v="3688" actId="1076"/>
        <pc:sldMkLst>
          <pc:docMk/>
          <pc:sldMk cId="3645316052" sldId="3455"/>
        </pc:sldMkLst>
        <pc:spChg chg="del">
          <ac:chgData name="Abe,YutakaTKZIM" userId="4ea0f8c6-cb00-4a5a-9642-b208e11f484d" providerId="ADAL" clId="{DF643A51-0D77-4B0F-8B72-970EFD7718EC}" dt="2024-12-27T00:51:19.624" v="3175" actId="478"/>
          <ac:spMkLst>
            <pc:docMk/>
            <pc:sldMk cId="3645316052" sldId="3455"/>
            <ac:spMk id="4"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14"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15"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16"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17"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18"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19"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20"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21"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22"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23"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24"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25" creationId="{00000000-0000-0000-0000-000000000000}"/>
          </ac:spMkLst>
        </pc:spChg>
        <pc:spChg chg="del">
          <ac:chgData name="Abe,YutakaTKZIM" userId="4ea0f8c6-cb00-4a5a-9642-b208e11f484d" providerId="ADAL" clId="{DF643A51-0D77-4B0F-8B72-970EFD7718EC}" dt="2024-12-27T00:51:19.624" v="3175" actId="478"/>
          <ac:spMkLst>
            <pc:docMk/>
            <pc:sldMk cId="3645316052" sldId="3455"/>
            <ac:spMk id="26" creationId="{00000000-0000-0000-0000-000000000000}"/>
          </ac:spMkLst>
        </pc:spChg>
        <pc:spChg chg="mod">
          <ac:chgData name="Abe,YutakaTKZIM" userId="4ea0f8c6-cb00-4a5a-9642-b208e11f484d" providerId="ADAL" clId="{DF643A51-0D77-4B0F-8B72-970EFD7718EC}" dt="2024-12-27T00:55:24.790" v="3209" actId="20577"/>
          <ac:spMkLst>
            <pc:docMk/>
            <pc:sldMk cId="3645316052" sldId="3455"/>
            <ac:spMk id="31" creationId="{5375FA62-4FE4-A286-FAD9-06FDD6EAB6DF}"/>
          </ac:spMkLst>
        </pc:spChg>
        <pc:grpChg chg="del">
          <ac:chgData name="Abe,YutakaTKZIM" userId="4ea0f8c6-cb00-4a5a-9642-b208e11f484d" providerId="ADAL" clId="{DF643A51-0D77-4B0F-8B72-970EFD7718EC}" dt="2024-12-27T00:51:19.624" v="3175" actId="478"/>
          <ac:grpSpMkLst>
            <pc:docMk/>
            <pc:sldMk cId="3645316052" sldId="3455"/>
            <ac:grpSpMk id="5" creationId="{00000000-0000-0000-0000-000000000000}"/>
          </ac:grpSpMkLst>
        </pc:grpChg>
        <pc:picChg chg="del">
          <ac:chgData name="Abe,YutakaTKZIM" userId="4ea0f8c6-cb00-4a5a-9642-b208e11f484d" providerId="ADAL" clId="{DF643A51-0D77-4B0F-8B72-970EFD7718EC}" dt="2024-12-27T00:51:19.624" v="3175" actId="478"/>
          <ac:picMkLst>
            <pc:docMk/>
            <pc:sldMk cId="3645316052" sldId="3455"/>
            <ac:picMk id="32" creationId="{C2100AD7-1B80-D746-95E9-4B5733584870}"/>
          </ac:picMkLst>
        </pc:picChg>
        <pc:picChg chg="del">
          <ac:chgData name="Abe,YutakaTKZIM" userId="4ea0f8c6-cb00-4a5a-9642-b208e11f484d" providerId="ADAL" clId="{DF643A51-0D77-4B0F-8B72-970EFD7718EC}" dt="2024-12-27T00:51:19.624" v="3175" actId="478"/>
          <ac:picMkLst>
            <pc:docMk/>
            <pc:sldMk cId="3645316052" sldId="3455"/>
            <ac:picMk id="33" creationId="{F3E399C6-A146-B96C-963A-C8CDCBC4199F}"/>
          </ac:picMkLst>
        </pc:picChg>
        <pc:picChg chg="add mod">
          <ac:chgData name="Abe,YutakaTKZIM" userId="4ea0f8c6-cb00-4a5a-9642-b208e11f484d" providerId="ADAL" clId="{DF643A51-0D77-4B0F-8B72-970EFD7718EC}" dt="2024-12-27T01:35:46.155" v="3688" actId="1076"/>
          <ac:picMkLst>
            <pc:docMk/>
            <pc:sldMk cId="3645316052" sldId="3455"/>
            <ac:picMk id="4098" creationId="{111547C8-8361-457C-C190-98D67679CB27}"/>
          </ac:picMkLst>
        </pc:picChg>
      </pc:sldChg>
      <pc:sldChg chg="addSp delSp modSp add mod">
        <pc:chgData name="Abe,YutakaTKZIM" userId="4ea0f8c6-cb00-4a5a-9642-b208e11f484d" providerId="ADAL" clId="{DF643A51-0D77-4B0F-8B72-970EFD7718EC}" dt="2024-12-27T05:05:33.293" v="3909" actId="1076"/>
        <pc:sldMkLst>
          <pc:docMk/>
          <pc:sldMk cId="1296532194" sldId="3456"/>
        </pc:sldMkLst>
        <pc:spChg chg="add mod">
          <ac:chgData name="Abe,YutakaTKZIM" userId="4ea0f8c6-cb00-4a5a-9642-b208e11f484d" providerId="ADAL" clId="{DF643A51-0D77-4B0F-8B72-970EFD7718EC}" dt="2024-12-27T00:59:31.672" v="3214" actId="1076"/>
          <ac:spMkLst>
            <pc:docMk/>
            <pc:sldMk cId="1296532194" sldId="3456"/>
            <ac:spMk id="3" creationId="{B890E65B-5299-C9DE-5A5C-B488E803C893}"/>
          </ac:spMkLst>
        </pc:spChg>
        <pc:spChg chg="add mod">
          <ac:chgData name="Abe,YutakaTKZIM" userId="4ea0f8c6-cb00-4a5a-9642-b208e11f484d" providerId="ADAL" clId="{DF643A51-0D77-4B0F-8B72-970EFD7718EC}" dt="2024-12-27T01:00:06.080" v="3218" actId="14100"/>
          <ac:spMkLst>
            <pc:docMk/>
            <pc:sldMk cId="1296532194" sldId="3456"/>
            <ac:spMk id="5" creationId="{FD9D3363-BE7B-CA9D-A65A-6766C39A2E19}"/>
          </ac:spMkLst>
        </pc:spChg>
        <pc:spChg chg="add mod">
          <ac:chgData name="Abe,YutakaTKZIM" userId="4ea0f8c6-cb00-4a5a-9642-b208e11f484d" providerId="ADAL" clId="{DF643A51-0D77-4B0F-8B72-970EFD7718EC}" dt="2024-12-27T05:05:33.293" v="3909" actId="1076"/>
          <ac:spMkLst>
            <pc:docMk/>
            <pc:sldMk cId="1296532194" sldId="3456"/>
            <ac:spMk id="7" creationId="{CCD0FA84-317F-C9B6-0569-924E505856A4}"/>
          </ac:spMkLst>
        </pc:spChg>
        <pc:picChg chg="del">
          <ac:chgData name="Abe,YutakaTKZIM" userId="4ea0f8c6-cb00-4a5a-9642-b208e11f484d" providerId="ADAL" clId="{DF643A51-0D77-4B0F-8B72-970EFD7718EC}" dt="2024-12-27T00:59:25.576" v="3211" actId="478"/>
          <ac:picMkLst>
            <pc:docMk/>
            <pc:sldMk cId="1296532194" sldId="3456"/>
            <ac:picMk id="4098" creationId="{111547C8-8361-457C-C190-98D67679CB27}"/>
          </ac:picMkLst>
        </pc:picChg>
      </pc:sldChg>
      <pc:sldChg chg="addSp delSp modSp add mod ord">
        <pc:chgData name="Abe,YutakaTKZIM" userId="4ea0f8c6-cb00-4a5a-9642-b208e11f484d" providerId="ADAL" clId="{DF643A51-0D77-4B0F-8B72-970EFD7718EC}" dt="2024-12-27T05:04:18.745" v="3900" actId="1076"/>
        <pc:sldMkLst>
          <pc:docMk/>
          <pc:sldMk cId="821265816" sldId="3457"/>
        </pc:sldMkLst>
        <pc:spChg chg="del">
          <ac:chgData name="Abe,YutakaTKZIM" userId="4ea0f8c6-cb00-4a5a-9642-b208e11f484d" providerId="ADAL" clId="{DF643A51-0D77-4B0F-8B72-970EFD7718EC}" dt="2024-12-27T01:16:02.085" v="3232" actId="478"/>
          <ac:spMkLst>
            <pc:docMk/>
            <pc:sldMk cId="821265816" sldId="3457"/>
            <ac:spMk id="3" creationId="{B890E65B-5299-C9DE-5A5C-B488E803C893}"/>
          </ac:spMkLst>
        </pc:spChg>
        <pc:spChg chg="del">
          <ac:chgData name="Abe,YutakaTKZIM" userId="4ea0f8c6-cb00-4a5a-9642-b208e11f484d" providerId="ADAL" clId="{DF643A51-0D77-4B0F-8B72-970EFD7718EC}" dt="2024-12-27T01:16:00.805" v="3231" actId="478"/>
          <ac:spMkLst>
            <pc:docMk/>
            <pc:sldMk cId="821265816" sldId="3457"/>
            <ac:spMk id="5" creationId="{FD9D3363-BE7B-CA9D-A65A-6766C39A2E19}"/>
          </ac:spMkLst>
        </pc:spChg>
        <pc:spChg chg="del">
          <ac:chgData name="Abe,YutakaTKZIM" userId="4ea0f8c6-cb00-4a5a-9642-b208e11f484d" providerId="ADAL" clId="{DF643A51-0D77-4B0F-8B72-970EFD7718EC}" dt="2024-12-27T01:15:59.500" v="3230" actId="478"/>
          <ac:spMkLst>
            <pc:docMk/>
            <pc:sldMk cId="821265816" sldId="3457"/>
            <ac:spMk id="7" creationId="{CCD0FA84-317F-C9B6-0569-924E505856A4}"/>
          </ac:spMkLst>
        </pc:spChg>
        <pc:spChg chg="mod">
          <ac:chgData name="Abe,YutakaTKZIM" userId="4ea0f8c6-cb00-4a5a-9642-b208e11f484d" providerId="ADAL" clId="{DF643A51-0D77-4B0F-8B72-970EFD7718EC}" dt="2024-12-27T01:24:33.762" v="3354" actId="20577"/>
          <ac:spMkLst>
            <pc:docMk/>
            <pc:sldMk cId="821265816" sldId="3457"/>
            <ac:spMk id="31" creationId="{5375FA62-4FE4-A286-FAD9-06FDD6EAB6DF}"/>
          </ac:spMkLst>
        </pc:spChg>
        <pc:picChg chg="add mod">
          <ac:chgData name="Abe,YutakaTKZIM" userId="4ea0f8c6-cb00-4a5a-9642-b208e11f484d" providerId="ADAL" clId="{DF643A51-0D77-4B0F-8B72-970EFD7718EC}" dt="2024-12-27T05:04:18.745" v="3900" actId="1076"/>
          <ac:picMkLst>
            <pc:docMk/>
            <pc:sldMk cId="821265816" sldId="3457"/>
            <ac:picMk id="5122" creationId="{AC065869-15F6-D880-3E63-9059983594F9}"/>
          </ac:picMkLst>
        </pc:picChg>
        <pc:picChg chg="add mod">
          <ac:chgData name="Abe,YutakaTKZIM" userId="4ea0f8c6-cb00-4a5a-9642-b208e11f484d" providerId="ADAL" clId="{DF643A51-0D77-4B0F-8B72-970EFD7718EC}" dt="2024-12-27T01:24:09.877" v="3287" actId="1076"/>
          <ac:picMkLst>
            <pc:docMk/>
            <pc:sldMk cId="821265816" sldId="3457"/>
            <ac:picMk id="5124" creationId="{AEB2A3B5-BA91-DCBC-0A87-ED7371E9CB1E}"/>
          </ac:picMkLst>
        </pc:picChg>
      </pc:sldChg>
      <pc:sldChg chg="addSp delSp modSp add mod ord">
        <pc:chgData name="Abe,YutakaTKZIM" userId="4ea0f8c6-cb00-4a5a-9642-b208e11f484d" providerId="ADAL" clId="{DF643A51-0D77-4B0F-8B72-970EFD7718EC}" dt="2024-12-27T05:05:11.400" v="3908" actId="1076"/>
        <pc:sldMkLst>
          <pc:docMk/>
          <pc:sldMk cId="961670668" sldId="3458"/>
        </pc:sldMkLst>
        <pc:spChg chg="add mod">
          <ac:chgData name="Abe,YutakaTKZIM" userId="4ea0f8c6-cb00-4a5a-9642-b208e11f484d" providerId="ADAL" clId="{DF643A51-0D77-4B0F-8B72-970EFD7718EC}" dt="2024-12-27T01:26:59.916" v="3388" actId="14100"/>
          <ac:spMkLst>
            <pc:docMk/>
            <pc:sldMk cId="961670668" sldId="3458"/>
            <ac:spMk id="3" creationId="{2C038344-9D03-9F11-BE11-62F835E51861}"/>
          </ac:spMkLst>
        </pc:spChg>
        <pc:spChg chg="mod">
          <ac:chgData name="Abe,YutakaTKZIM" userId="4ea0f8c6-cb00-4a5a-9642-b208e11f484d" providerId="ADAL" clId="{DF643A51-0D77-4B0F-8B72-970EFD7718EC}" dt="2024-12-27T01:27:50.409" v="3495" actId="20577"/>
          <ac:spMkLst>
            <pc:docMk/>
            <pc:sldMk cId="961670668" sldId="3458"/>
            <ac:spMk id="31" creationId="{5375FA62-4FE4-A286-FAD9-06FDD6EAB6DF}"/>
          </ac:spMkLst>
        </pc:spChg>
        <pc:picChg chg="add mod">
          <ac:chgData name="Abe,YutakaTKZIM" userId="4ea0f8c6-cb00-4a5a-9642-b208e11f484d" providerId="ADAL" clId="{DF643A51-0D77-4B0F-8B72-970EFD7718EC}" dt="2024-12-27T04:17:12.502" v="3889" actId="1076"/>
          <ac:picMkLst>
            <pc:docMk/>
            <pc:sldMk cId="961670668" sldId="3458"/>
            <ac:picMk id="2" creationId="{31DB7C2E-BCFE-53B2-A7F9-CF323979E759}"/>
          </ac:picMkLst>
        </pc:picChg>
        <pc:picChg chg="del">
          <ac:chgData name="Abe,YutakaTKZIM" userId="4ea0f8c6-cb00-4a5a-9642-b208e11f484d" providerId="ADAL" clId="{DF643A51-0D77-4B0F-8B72-970EFD7718EC}" dt="2024-12-27T01:24:39.180" v="3356" actId="478"/>
          <ac:picMkLst>
            <pc:docMk/>
            <pc:sldMk cId="961670668" sldId="3458"/>
            <ac:picMk id="5122" creationId="{AC065869-15F6-D880-3E63-9059983594F9}"/>
          </ac:picMkLst>
        </pc:picChg>
        <pc:picChg chg="add mod">
          <ac:chgData name="Abe,YutakaTKZIM" userId="4ea0f8c6-cb00-4a5a-9642-b208e11f484d" providerId="ADAL" clId="{DF643A51-0D77-4B0F-8B72-970EFD7718EC}" dt="2024-12-27T04:17:08.270" v="3888" actId="1076"/>
          <ac:picMkLst>
            <pc:docMk/>
            <pc:sldMk cId="961670668" sldId="3458"/>
            <ac:picMk id="6146" creationId="{4CF2B870-8458-EF7A-E5EF-23464273B924}"/>
          </ac:picMkLst>
        </pc:picChg>
        <pc:picChg chg="add mod">
          <ac:chgData name="Abe,YutakaTKZIM" userId="4ea0f8c6-cb00-4a5a-9642-b208e11f484d" providerId="ADAL" clId="{DF643A51-0D77-4B0F-8B72-970EFD7718EC}" dt="2024-12-27T01:27:54.945" v="3496" actId="1076"/>
          <ac:picMkLst>
            <pc:docMk/>
            <pc:sldMk cId="961670668" sldId="3458"/>
            <ac:picMk id="6148" creationId="{8E46CBEF-3AF6-0FF4-6985-DC3FE1B70AC8}"/>
          </ac:picMkLst>
        </pc:picChg>
        <pc:picChg chg="add mod">
          <ac:chgData name="Abe,YutakaTKZIM" userId="4ea0f8c6-cb00-4a5a-9642-b208e11f484d" providerId="ADAL" clId="{DF643A51-0D77-4B0F-8B72-970EFD7718EC}" dt="2024-12-27T01:26:51.493" v="3386" actId="1076"/>
          <ac:picMkLst>
            <pc:docMk/>
            <pc:sldMk cId="961670668" sldId="3458"/>
            <ac:picMk id="6150" creationId="{56171C1A-5586-49B7-7C41-B93AA883FDF0}"/>
          </ac:picMkLst>
        </pc:picChg>
        <pc:picChg chg="add mod">
          <ac:chgData name="Abe,YutakaTKZIM" userId="4ea0f8c6-cb00-4a5a-9642-b208e11f484d" providerId="ADAL" clId="{DF643A51-0D77-4B0F-8B72-970EFD7718EC}" dt="2024-12-27T05:05:11.400" v="3908" actId="1076"/>
          <ac:picMkLst>
            <pc:docMk/>
            <pc:sldMk cId="961670668" sldId="3458"/>
            <ac:picMk id="6152" creationId="{F4FD2AA9-F49D-093D-44E7-24C4952FC324}"/>
          </ac:picMkLst>
        </pc:picChg>
      </pc:sldChg>
      <pc:sldChg chg="addSp delSp modSp add mod ord">
        <pc:chgData name="Abe,YutakaTKZIM" userId="4ea0f8c6-cb00-4a5a-9642-b208e11f484d" providerId="ADAL" clId="{DF643A51-0D77-4B0F-8B72-970EFD7718EC}" dt="2024-12-27T01:34:22.107" v="3686" actId="1076"/>
        <pc:sldMkLst>
          <pc:docMk/>
          <pc:sldMk cId="878121351" sldId="3459"/>
        </pc:sldMkLst>
        <pc:spChg chg="del">
          <ac:chgData name="Abe,YutakaTKZIM" userId="4ea0f8c6-cb00-4a5a-9642-b208e11f484d" providerId="ADAL" clId="{DF643A51-0D77-4B0F-8B72-970EFD7718EC}" dt="2024-12-27T01:28:46.173" v="3498" actId="478"/>
          <ac:spMkLst>
            <pc:docMk/>
            <pc:sldMk cId="878121351" sldId="3459"/>
            <ac:spMk id="3" creationId="{2C038344-9D03-9F11-BE11-62F835E51861}"/>
          </ac:spMkLst>
        </pc:spChg>
        <pc:spChg chg="add mod">
          <ac:chgData name="Abe,YutakaTKZIM" userId="4ea0f8c6-cb00-4a5a-9642-b208e11f484d" providerId="ADAL" clId="{DF643A51-0D77-4B0F-8B72-970EFD7718EC}" dt="2024-12-27T01:30:30.309" v="3665" actId="1076"/>
          <ac:spMkLst>
            <pc:docMk/>
            <pc:sldMk cId="878121351" sldId="3459"/>
            <ac:spMk id="4" creationId="{7EA09BA4-BCDA-2BB7-8746-70BCB92F1434}"/>
          </ac:spMkLst>
        </pc:spChg>
        <pc:spChg chg="add mod">
          <ac:chgData name="Abe,YutakaTKZIM" userId="4ea0f8c6-cb00-4a5a-9642-b208e11f484d" providerId="ADAL" clId="{DF643A51-0D77-4B0F-8B72-970EFD7718EC}" dt="2024-12-27T01:30:27.898" v="3664" actId="1076"/>
          <ac:spMkLst>
            <pc:docMk/>
            <pc:sldMk cId="878121351" sldId="3459"/>
            <ac:spMk id="6" creationId="{8D43F7AE-FB88-0EBF-897B-D07B2C99D1F8}"/>
          </ac:spMkLst>
        </pc:spChg>
        <pc:spChg chg="mod">
          <ac:chgData name="Abe,YutakaTKZIM" userId="4ea0f8c6-cb00-4a5a-9642-b208e11f484d" providerId="ADAL" clId="{DF643A51-0D77-4B0F-8B72-970EFD7718EC}" dt="2024-12-27T01:29:33.387" v="3583" actId="20577"/>
          <ac:spMkLst>
            <pc:docMk/>
            <pc:sldMk cId="878121351" sldId="3459"/>
            <ac:spMk id="31" creationId="{5375FA62-4FE4-A286-FAD9-06FDD6EAB6DF}"/>
          </ac:spMkLst>
        </pc:spChg>
        <pc:picChg chg="del">
          <ac:chgData name="Abe,YutakaTKZIM" userId="4ea0f8c6-cb00-4a5a-9642-b208e11f484d" providerId="ADAL" clId="{DF643A51-0D77-4B0F-8B72-970EFD7718EC}" dt="2024-12-27T01:28:46.173" v="3498" actId="478"/>
          <ac:picMkLst>
            <pc:docMk/>
            <pc:sldMk cId="878121351" sldId="3459"/>
            <ac:picMk id="2" creationId="{31DB7C2E-BCFE-53B2-A7F9-CF323979E759}"/>
          </ac:picMkLst>
        </pc:picChg>
        <pc:picChg chg="add del mod">
          <ac:chgData name="Abe,YutakaTKZIM" userId="4ea0f8c6-cb00-4a5a-9642-b208e11f484d" providerId="ADAL" clId="{DF643A51-0D77-4B0F-8B72-970EFD7718EC}" dt="2024-12-27T01:30:04.456" v="3619" actId="478"/>
          <ac:picMkLst>
            <pc:docMk/>
            <pc:sldMk cId="878121351" sldId="3459"/>
            <ac:picMk id="5" creationId="{598F9C26-060B-4E51-F730-ABBF7281A797}"/>
          </ac:picMkLst>
        </pc:picChg>
        <pc:picChg chg="del">
          <ac:chgData name="Abe,YutakaTKZIM" userId="4ea0f8c6-cb00-4a5a-9642-b208e11f484d" providerId="ADAL" clId="{DF643A51-0D77-4B0F-8B72-970EFD7718EC}" dt="2024-12-27T01:28:46.173" v="3498" actId="478"/>
          <ac:picMkLst>
            <pc:docMk/>
            <pc:sldMk cId="878121351" sldId="3459"/>
            <ac:picMk id="6146" creationId="{4CF2B870-8458-EF7A-E5EF-23464273B924}"/>
          </ac:picMkLst>
        </pc:picChg>
        <pc:picChg chg="del">
          <ac:chgData name="Abe,YutakaTKZIM" userId="4ea0f8c6-cb00-4a5a-9642-b208e11f484d" providerId="ADAL" clId="{DF643A51-0D77-4B0F-8B72-970EFD7718EC}" dt="2024-12-27T01:28:46.173" v="3498" actId="478"/>
          <ac:picMkLst>
            <pc:docMk/>
            <pc:sldMk cId="878121351" sldId="3459"/>
            <ac:picMk id="6148" creationId="{8E46CBEF-3AF6-0FF4-6985-DC3FE1B70AC8}"/>
          </ac:picMkLst>
        </pc:picChg>
        <pc:picChg chg="del">
          <ac:chgData name="Abe,YutakaTKZIM" userId="4ea0f8c6-cb00-4a5a-9642-b208e11f484d" providerId="ADAL" clId="{DF643A51-0D77-4B0F-8B72-970EFD7718EC}" dt="2024-12-27T01:28:46.173" v="3498" actId="478"/>
          <ac:picMkLst>
            <pc:docMk/>
            <pc:sldMk cId="878121351" sldId="3459"/>
            <ac:picMk id="6150" creationId="{56171C1A-5586-49B7-7C41-B93AA883FDF0}"/>
          </ac:picMkLst>
        </pc:picChg>
        <pc:picChg chg="add mod">
          <ac:chgData name="Abe,YutakaTKZIM" userId="4ea0f8c6-cb00-4a5a-9642-b208e11f484d" providerId="ADAL" clId="{DF643A51-0D77-4B0F-8B72-970EFD7718EC}" dt="2024-12-27T01:33:01.326" v="3674" actId="1076"/>
          <ac:picMkLst>
            <pc:docMk/>
            <pc:sldMk cId="878121351" sldId="3459"/>
            <ac:picMk id="7170" creationId="{DADBD881-E7B2-B9B5-70FC-D2E7B9E4D06F}"/>
          </ac:picMkLst>
        </pc:picChg>
        <pc:picChg chg="add mod">
          <ac:chgData name="Abe,YutakaTKZIM" userId="4ea0f8c6-cb00-4a5a-9642-b208e11f484d" providerId="ADAL" clId="{DF643A51-0D77-4B0F-8B72-970EFD7718EC}" dt="2024-12-27T01:33:00.158" v="3673" actId="1076"/>
          <ac:picMkLst>
            <pc:docMk/>
            <pc:sldMk cId="878121351" sldId="3459"/>
            <ac:picMk id="7172" creationId="{B8A51BFC-01CF-5E79-D3D0-3D48DE4A3A42}"/>
          </ac:picMkLst>
        </pc:picChg>
        <pc:picChg chg="add mod">
          <ac:chgData name="Abe,YutakaTKZIM" userId="4ea0f8c6-cb00-4a5a-9642-b208e11f484d" providerId="ADAL" clId="{DF643A51-0D77-4B0F-8B72-970EFD7718EC}" dt="2024-12-27T01:33:40.476" v="3679" actId="1076"/>
          <ac:picMkLst>
            <pc:docMk/>
            <pc:sldMk cId="878121351" sldId="3459"/>
            <ac:picMk id="7174" creationId="{480BB75D-1264-D662-6FEC-6D7DC3B9C200}"/>
          </ac:picMkLst>
        </pc:picChg>
        <pc:picChg chg="add mod">
          <ac:chgData name="Abe,YutakaTKZIM" userId="4ea0f8c6-cb00-4a5a-9642-b208e11f484d" providerId="ADAL" clId="{DF643A51-0D77-4B0F-8B72-970EFD7718EC}" dt="2024-12-27T01:33:46.626" v="3681" actId="1076"/>
          <ac:picMkLst>
            <pc:docMk/>
            <pc:sldMk cId="878121351" sldId="3459"/>
            <ac:picMk id="7176" creationId="{A4D2C60E-BF30-7A19-F063-B27D0BC1D585}"/>
          </ac:picMkLst>
        </pc:picChg>
        <pc:picChg chg="add mod">
          <ac:chgData name="Abe,YutakaTKZIM" userId="4ea0f8c6-cb00-4a5a-9642-b208e11f484d" providerId="ADAL" clId="{DF643A51-0D77-4B0F-8B72-970EFD7718EC}" dt="2024-12-27T01:34:22.107" v="3686" actId="1076"/>
          <ac:picMkLst>
            <pc:docMk/>
            <pc:sldMk cId="878121351" sldId="3459"/>
            <ac:picMk id="7178" creationId="{8AB556DC-3606-5791-FB76-3D697B07F78E}"/>
          </ac:picMkLst>
        </pc:picChg>
      </pc:sldChg>
      <pc:sldChg chg="addSp delSp modSp add mod">
        <pc:chgData name="Abe,YutakaTKZIM" userId="4ea0f8c6-cb00-4a5a-9642-b208e11f484d" providerId="ADAL" clId="{DF643A51-0D77-4B0F-8B72-970EFD7718EC}" dt="2024-12-27T05:16:40.665" v="4019" actId="404"/>
        <pc:sldMkLst>
          <pc:docMk/>
          <pc:sldMk cId="2945150577" sldId="3460"/>
        </pc:sldMkLst>
        <pc:spChg chg="mod">
          <ac:chgData name="Abe,YutakaTKZIM" userId="4ea0f8c6-cb00-4a5a-9642-b208e11f484d" providerId="ADAL" clId="{DF643A51-0D77-4B0F-8B72-970EFD7718EC}" dt="2024-12-27T01:56:11.845" v="3885" actId="20577"/>
          <ac:spMkLst>
            <pc:docMk/>
            <pc:sldMk cId="2945150577" sldId="3460"/>
            <ac:spMk id="2" creationId="{0C470230-E3D0-ADC2-5607-B125D781E920}"/>
          </ac:spMkLst>
        </pc:spChg>
        <pc:spChg chg="del">
          <ac:chgData name="Abe,YutakaTKZIM" userId="4ea0f8c6-cb00-4a5a-9642-b208e11f484d" providerId="ADAL" clId="{DF643A51-0D77-4B0F-8B72-970EFD7718EC}" dt="2024-12-27T01:49:55.783" v="3693" actId="478"/>
          <ac:spMkLst>
            <pc:docMk/>
            <pc:sldMk cId="2945150577" sldId="3460"/>
            <ac:spMk id="6" creationId="{2316CBEE-148F-A379-E4F5-A76BDD3A7572}"/>
          </ac:spMkLst>
        </pc:spChg>
        <pc:spChg chg="del mod">
          <ac:chgData name="Abe,YutakaTKZIM" userId="4ea0f8c6-cb00-4a5a-9642-b208e11f484d" providerId="ADAL" clId="{DF643A51-0D77-4B0F-8B72-970EFD7718EC}" dt="2024-12-27T01:49:50.004" v="3692" actId="478"/>
          <ac:spMkLst>
            <pc:docMk/>
            <pc:sldMk cId="2945150577" sldId="3460"/>
            <ac:spMk id="7" creationId="{00000000-0000-0000-0000-000000000000}"/>
          </ac:spMkLst>
        </pc:spChg>
        <pc:spChg chg="del">
          <ac:chgData name="Abe,YutakaTKZIM" userId="4ea0f8c6-cb00-4a5a-9642-b208e11f484d" providerId="ADAL" clId="{DF643A51-0D77-4B0F-8B72-970EFD7718EC}" dt="2024-12-27T01:49:55.783" v="3693" actId="478"/>
          <ac:spMkLst>
            <pc:docMk/>
            <pc:sldMk cId="2945150577" sldId="3460"/>
            <ac:spMk id="10" creationId="{9773C66A-8E83-32B3-6EC3-B81D47EDA603}"/>
          </ac:spMkLst>
        </pc:spChg>
        <pc:spChg chg="del">
          <ac:chgData name="Abe,YutakaTKZIM" userId="4ea0f8c6-cb00-4a5a-9642-b208e11f484d" providerId="ADAL" clId="{DF643A51-0D77-4B0F-8B72-970EFD7718EC}" dt="2024-12-27T01:49:55.783" v="3693" actId="478"/>
          <ac:spMkLst>
            <pc:docMk/>
            <pc:sldMk cId="2945150577" sldId="3460"/>
            <ac:spMk id="12" creationId="{2987A04F-B521-F022-0AAC-55B0566D891D}"/>
          </ac:spMkLst>
        </pc:spChg>
        <pc:spChg chg="del">
          <ac:chgData name="Abe,YutakaTKZIM" userId="4ea0f8c6-cb00-4a5a-9642-b208e11f484d" providerId="ADAL" clId="{DF643A51-0D77-4B0F-8B72-970EFD7718EC}" dt="2024-12-27T01:49:55.783" v="3693" actId="478"/>
          <ac:spMkLst>
            <pc:docMk/>
            <pc:sldMk cId="2945150577" sldId="3460"/>
            <ac:spMk id="13" creationId="{2EF827B7-2CF1-2C73-791F-ECEA4EA382CB}"/>
          </ac:spMkLst>
        </pc:spChg>
        <pc:spChg chg="del">
          <ac:chgData name="Abe,YutakaTKZIM" userId="4ea0f8c6-cb00-4a5a-9642-b208e11f484d" providerId="ADAL" clId="{DF643A51-0D77-4B0F-8B72-970EFD7718EC}" dt="2024-12-27T01:49:55.783" v="3693" actId="478"/>
          <ac:spMkLst>
            <pc:docMk/>
            <pc:sldMk cId="2945150577" sldId="3460"/>
            <ac:spMk id="14" creationId="{68389AAA-A8C9-7356-C4CF-731DC1022B7D}"/>
          </ac:spMkLst>
        </pc:spChg>
        <pc:spChg chg="del">
          <ac:chgData name="Abe,YutakaTKZIM" userId="4ea0f8c6-cb00-4a5a-9642-b208e11f484d" providerId="ADAL" clId="{DF643A51-0D77-4B0F-8B72-970EFD7718EC}" dt="2024-12-27T01:49:55.783" v="3693" actId="478"/>
          <ac:spMkLst>
            <pc:docMk/>
            <pc:sldMk cId="2945150577" sldId="3460"/>
            <ac:spMk id="15" creationId="{631F589D-664F-A058-773B-5F537A2E7D69}"/>
          </ac:spMkLst>
        </pc:spChg>
        <pc:spChg chg="del">
          <ac:chgData name="Abe,YutakaTKZIM" userId="4ea0f8c6-cb00-4a5a-9642-b208e11f484d" providerId="ADAL" clId="{DF643A51-0D77-4B0F-8B72-970EFD7718EC}" dt="2024-12-27T01:49:55.783" v="3693" actId="478"/>
          <ac:spMkLst>
            <pc:docMk/>
            <pc:sldMk cId="2945150577" sldId="3460"/>
            <ac:spMk id="16" creationId="{65B76BA8-E00D-5649-0F4A-50A13AD9D477}"/>
          </ac:spMkLst>
        </pc:spChg>
        <pc:spChg chg="del">
          <ac:chgData name="Abe,YutakaTKZIM" userId="4ea0f8c6-cb00-4a5a-9642-b208e11f484d" providerId="ADAL" clId="{DF643A51-0D77-4B0F-8B72-970EFD7718EC}" dt="2024-12-27T01:49:55.783" v="3693" actId="478"/>
          <ac:spMkLst>
            <pc:docMk/>
            <pc:sldMk cId="2945150577" sldId="3460"/>
            <ac:spMk id="17" creationId="{129BE8FE-561A-2CCC-4609-64440ED68FE2}"/>
          </ac:spMkLst>
        </pc:spChg>
        <pc:spChg chg="del">
          <ac:chgData name="Abe,YutakaTKZIM" userId="4ea0f8c6-cb00-4a5a-9642-b208e11f484d" providerId="ADAL" clId="{DF643A51-0D77-4B0F-8B72-970EFD7718EC}" dt="2024-12-27T01:49:55.783" v="3693" actId="478"/>
          <ac:spMkLst>
            <pc:docMk/>
            <pc:sldMk cId="2945150577" sldId="3460"/>
            <ac:spMk id="18" creationId="{EC63485E-DACD-F162-E1FA-97783AB8C591}"/>
          </ac:spMkLst>
        </pc:spChg>
        <pc:spChg chg="del">
          <ac:chgData name="Abe,YutakaTKZIM" userId="4ea0f8c6-cb00-4a5a-9642-b208e11f484d" providerId="ADAL" clId="{DF643A51-0D77-4B0F-8B72-970EFD7718EC}" dt="2024-12-27T01:49:55.783" v="3693" actId="478"/>
          <ac:spMkLst>
            <pc:docMk/>
            <pc:sldMk cId="2945150577" sldId="3460"/>
            <ac:spMk id="19" creationId="{7F2B0C7C-BF0F-1AE6-0E96-1242FA34292A}"/>
          </ac:spMkLst>
        </pc:spChg>
        <pc:spChg chg="del">
          <ac:chgData name="Abe,YutakaTKZIM" userId="4ea0f8c6-cb00-4a5a-9642-b208e11f484d" providerId="ADAL" clId="{DF643A51-0D77-4B0F-8B72-970EFD7718EC}" dt="2024-12-27T01:49:55.783" v="3693" actId="478"/>
          <ac:spMkLst>
            <pc:docMk/>
            <pc:sldMk cId="2945150577" sldId="3460"/>
            <ac:spMk id="20" creationId="{284597E8-5DB9-3105-A3BF-6C53E0EFDD58}"/>
          </ac:spMkLst>
        </pc:spChg>
        <pc:spChg chg="del">
          <ac:chgData name="Abe,YutakaTKZIM" userId="4ea0f8c6-cb00-4a5a-9642-b208e11f484d" providerId="ADAL" clId="{DF643A51-0D77-4B0F-8B72-970EFD7718EC}" dt="2024-12-27T01:49:55.783" v="3693" actId="478"/>
          <ac:spMkLst>
            <pc:docMk/>
            <pc:sldMk cId="2945150577" sldId="3460"/>
            <ac:spMk id="21" creationId="{AE8769E6-6D56-CFD2-E968-0550F9C9043C}"/>
          </ac:spMkLst>
        </pc:spChg>
        <pc:spChg chg="del">
          <ac:chgData name="Abe,YutakaTKZIM" userId="4ea0f8c6-cb00-4a5a-9642-b208e11f484d" providerId="ADAL" clId="{DF643A51-0D77-4B0F-8B72-970EFD7718EC}" dt="2024-12-27T01:49:55.783" v="3693" actId="478"/>
          <ac:spMkLst>
            <pc:docMk/>
            <pc:sldMk cId="2945150577" sldId="3460"/>
            <ac:spMk id="22" creationId="{384C1E76-2A84-A3C4-22E3-EDE94733B3E3}"/>
          </ac:spMkLst>
        </pc:spChg>
        <pc:spChg chg="del">
          <ac:chgData name="Abe,YutakaTKZIM" userId="4ea0f8c6-cb00-4a5a-9642-b208e11f484d" providerId="ADAL" clId="{DF643A51-0D77-4B0F-8B72-970EFD7718EC}" dt="2024-12-27T01:49:55.783" v="3693" actId="478"/>
          <ac:spMkLst>
            <pc:docMk/>
            <pc:sldMk cId="2945150577" sldId="3460"/>
            <ac:spMk id="23" creationId="{3B1C0AE0-511D-74D9-C533-A51A27AA0680}"/>
          </ac:spMkLst>
        </pc:spChg>
        <pc:spChg chg="del">
          <ac:chgData name="Abe,YutakaTKZIM" userId="4ea0f8c6-cb00-4a5a-9642-b208e11f484d" providerId="ADAL" clId="{DF643A51-0D77-4B0F-8B72-970EFD7718EC}" dt="2024-12-27T01:49:55.783" v="3693" actId="478"/>
          <ac:spMkLst>
            <pc:docMk/>
            <pc:sldMk cId="2945150577" sldId="3460"/>
            <ac:spMk id="24" creationId="{3C75B570-51EA-78C3-A154-B73290FB687D}"/>
          </ac:spMkLst>
        </pc:spChg>
        <pc:spChg chg="del">
          <ac:chgData name="Abe,YutakaTKZIM" userId="4ea0f8c6-cb00-4a5a-9642-b208e11f484d" providerId="ADAL" clId="{DF643A51-0D77-4B0F-8B72-970EFD7718EC}" dt="2024-12-27T01:49:55.783" v="3693" actId="478"/>
          <ac:spMkLst>
            <pc:docMk/>
            <pc:sldMk cId="2945150577" sldId="3460"/>
            <ac:spMk id="25" creationId="{29917FE3-3765-292E-438E-3708F638CB05}"/>
          </ac:spMkLst>
        </pc:spChg>
        <pc:spChg chg="del">
          <ac:chgData name="Abe,YutakaTKZIM" userId="4ea0f8c6-cb00-4a5a-9642-b208e11f484d" providerId="ADAL" clId="{DF643A51-0D77-4B0F-8B72-970EFD7718EC}" dt="2024-12-27T01:49:55.783" v="3693" actId="478"/>
          <ac:spMkLst>
            <pc:docMk/>
            <pc:sldMk cId="2945150577" sldId="3460"/>
            <ac:spMk id="26" creationId="{6B9C41E9-F924-1AB0-41AA-63C4A849029B}"/>
          </ac:spMkLst>
        </pc:spChg>
        <pc:spChg chg="del">
          <ac:chgData name="Abe,YutakaTKZIM" userId="4ea0f8c6-cb00-4a5a-9642-b208e11f484d" providerId="ADAL" clId="{DF643A51-0D77-4B0F-8B72-970EFD7718EC}" dt="2024-12-27T01:49:55.783" v="3693" actId="478"/>
          <ac:spMkLst>
            <pc:docMk/>
            <pc:sldMk cId="2945150577" sldId="3460"/>
            <ac:spMk id="27" creationId="{38E636DC-6AC5-8DDC-9EC6-CB1C70E96F8A}"/>
          </ac:spMkLst>
        </pc:spChg>
        <pc:spChg chg="del">
          <ac:chgData name="Abe,YutakaTKZIM" userId="4ea0f8c6-cb00-4a5a-9642-b208e11f484d" providerId="ADAL" clId="{DF643A51-0D77-4B0F-8B72-970EFD7718EC}" dt="2024-12-27T01:49:55.783" v="3693" actId="478"/>
          <ac:spMkLst>
            <pc:docMk/>
            <pc:sldMk cId="2945150577" sldId="3460"/>
            <ac:spMk id="28" creationId="{AAD84CB2-633E-28F9-D1E4-4A94D75B8191}"/>
          </ac:spMkLst>
        </pc:spChg>
        <pc:spChg chg="del">
          <ac:chgData name="Abe,YutakaTKZIM" userId="4ea0f8c6-cb00-4a5a-9642-b208e11f484d" providerId="ADAL" clId="{DF643A51-0D77-4B0F-8B72-970EFD7718EC}" dt="2024-12-27T01:49:55.783" v="3693" actId="478"/>
          <ac:spMkLst>
            <pc:docMk/>
            <pc:sldMk cId="2945150577" sldId="3460"/>
            <ac:spMk id="29" creationId="{A3B14145-C406-E164-9F78-14FC044E807F}"/>
          </ac:spMkLst>
        </pc:spChg>
        <pc:spChg chg="del">
          <ac:chgData name="Abe,YutakaTKZIM" userId="4ea0f8c6-cb00-4a5a-9642-b208e11f484d" providerId="ADAL" clId="{DF643A51-0D77-4B0F-8B72-970EFD7718EC}" dt="2024-12-27T01:49:55.783" v="3693" actId="478"/>
          <ac:spMkLst>
            <pc:docMk/>
            <pc:sldMk cId="2945150577" sldId="3460"/>
            <ac:spMk id="30" creationId="{1A5AB7B7-C554-58A0-9C8A-BE15790B2E84}"/>
          </ac:spMkLst>
        </pc:spChg>
        <pc:spChg chg="del">
          <ac:chgData name="Abe,YutakaTKZIM" userId="4ea0f8c6-cb00-4a5a-9642-b208e11f484d" providerId="ADAL" clId="{DF643A51-0D77-4B0F-8B72-970EFD7718EC}" dt="2024-12-27T01:49:55.783" v="3693" actId="478"/>
          <ac:spMkLst>
            <pc:docMk/>
            <pc:sldMk cId="2945150577" sldId="3460"/>
            <ac:spMk id="31" creationId="{C6660333-6197-3752-2640-08D535C30578}"/>
          </ac:spMkLst>
        </pc:spChg>
        <pc:spChg chg="del">
          <ac:chgData name="Abe,YutakaTKZIM" userId="4ea0f8c6-cb00-4a5a-9642-b208e11f484d" providerId="ADAL" clId="{DF643A51-0D77-4B0F-8B72-970EFD7718EC}" dt="2024-12-27T01:49:55.783" v="3693" actId="478"/>
          <ac:spMkLst>
            <pc:docMk/>
            <pc:sldMk cId="2945150577" sldId="3460"/>
            <ac:spMk id="32" creationId="{FE2A86CB-1E87-4A92-C3E1-5CDB28AAD8CA}"/>
          </ac:spMkLst>
        </pc:spChg>
        <pc:spChg chg="del">
          <ac:chgData name="Abe,YutakaTKZIM" userId="4ea0f8c6-cb00-4a5a-9642-b208e11f484d" providerId="ADAL" clId="{DF643A51-0D77-4B0F-8B72-970EFD7718EC}" dt="2024-12-27T01:49:55.783" v="3693" actId="478"/>
          <ac:spMkLst>
            <pc:docMk/>
            <pc:sldMk cId="2945150577" sldId="3460"/>
            <ac:spMk id="33" creationId="{9DC85D40-5071-85F6-6751-19A6D2159B10}"/>
          </ac:spMkLst>
        </pc:spChg>
        <pc:spChg chg="del">
          <ac:chgData name="Abe,YutakaTKZIM" userId="4ea0f8c6-cb00-4a5a-9642-b208e11f484d" providerId="ADAL" clId="{DF643A51-0D77-4B0F-8B72-970EFD7718EC}" dt="2024-12-27T01:49:55.783" v="3693" actId="478"/>
          <ac:spMkLst>
            <pc:docMk/>
            <pc:sldMk cId="2945150577" sldId="3460"/>
            <ac:spMk id="34" creationId="{B6A51006-858A-C4DD-FAF4-E368D5300589}"/>
          </ac:spMkLst>
        </pc:spChg>
        <pc:spChg chg="del">
          <ac:chgData name="Abe,YutakaTKZIM" userId="4ea0f8c6-cb00-4a5a-9642-b208e11f484d" providerId="ADAL" clId="{DF643A51-0D77-4B0F-8B72-970EFD7718EC}" dt="2024-12-27T01:49:55.783" v="3693" actId="478"/>
          <ac:spMkLst>
            <pc:docMk/>
            <pc:sldMk cId="2945150577" sldId="3460"/>
            <ac:spMk id="35" creationId="{F2DB5ACB-E934-9629-7D95-EBCD75A2E341}"/>
          </ac:spMkLst>
        </pc:spChg>
        <pc:spChg chg="del">
          <ac:chgData name="Abe,YutakaTKZIM" userId="4ea0f8c6-cb00-4a5a-9642-b208e11f484d" providerId="ADAL" clId="{DF643A51-0D77-4B0F-8B72-970EFD7718EC}" dt="2024-12-27T01:49:55.783" v="3693" actId="478"/>
          <ac:spMkLst>
            <pc:docMk/>
            <pc:sldMk cId="2945150577" sldId="3460"/>
            <ac:spMk id="36" creationId="{590EDD17-7E24-6223-57AF-8459EC0B7655}"/>
          </ac:spMkLst>
        </pc:spChg>
        <pc:spChg chg="del">
          <ac:chgData name="Abe,YutakaTKZIM" userId="4ea0f8c6-cb00-4a5a-9642-b208e11f484d" providerId="ADAL" clId="{DF643A51-0D77-4B0F-8B72-970EFD7718EC}" dt="2024-12-27T01:49:55.783" v="3693" actId="478"/>
          <ac:spMkLst>
            <pc:docMk/>
            <pc:sldMk cId="2945150577" sldId="3460"/>
            <ac:spMk id="38" creationId="{AF6B3D3A-C9DF-17C9-1078-B18130CD2FB2}"/>
          </ac:spMkLst>
        </pc:spChg>
        <pc:spChg chg="del">
          <ac:chgData name="Abe,YutakaTKZIM" userId="4ea0f8c6-cb00-4a5a-9642-b208e11f484d" providerId="ADAL" clId="{DF643A51-0D77-4B0F-8B72-970EFD7718EC}" dt="2024-12-27T01:49:55.783" v="3693" actId="478"/>
          <ac:spMkLst>
            <pc:docMk/>
            <pc:sldMk cId="2945150577" sldId="3460"/>
            <ac:spMk id="39" creationId="{69A78015-6205-5C0E-C258-EB5F66200079}"/>
          </ac:spMkLst>
        </pc:spChg>
        <pc:spChg chg="del">
          <ac:chgData name="Abe,YutakaTKZIM" userId="4ea0f8c6-cb00-4a5a-9642-b208e11f484d" providerId="ADAL" clId="{DF643A51-0D77-4B0F-8B72-970EFD7718EC}" dt="2024-12-27T01:49:55.783" v="3693" actId="478"/>
          <ac:spMkLst>
            <pc:docMk/>
            <pc:sldMk cId="2945150577" sldId="3460"/>
            <ac:spMk id="40" creationId="{860B49F9-AC83-C403-04B5-6DA3A08EA3EC}"/>
          </ac:spMkLst>
        </pc:spChg>
        <pc:spChg chg="del">
          <ac:chgData name="Abe,YutakaTKZIM" userId="4ea0f8c6-cb00-4a5a-9642-b208e11f484d" providerId="ADAL" clId="{DF643A51-0D77-4B0F-8B72-970EFD7718EC}" dt="2024-12-27T01:49:55.783" v="3693" actId="478"/>
          <ac:spMkLst>
            <pc:docMk/>
            <pc:sldMk cId="2945150577" sldId="3460"/>
            <ac:spMk id="41" creationId="{81405B29-3D32-3383-264D-49AC5F15890E}"/>
          </ac:spMkLst>
        </pc:spChg>
        <pc:spChg chg="del">
          <ac:chgData name="Abe,YutakaTKZIM" userId="4ea0f8c6-cb00-4a5a-9642-b208e11f484d" providerId="ADAL" clId="{DF643A51-0D77-4B0F-8B72-970EFD7718EC}" dt="2024-12-27T01:49:55.783" v="3693" actId="478"/>
          <ac:spMkLst>
            <pc:docMk/>
            <pc:sldMk cId="2945150577" sldId="3460"/>
            <ac:spMk id="42" creationId="{36B0233A-14C8-0BF4-36AF-EC10960539C7}"/>
          </ac:spMkLst>
        </pc:spChg>
        <pc:spChg chg="del">
          <ac:chgData name="Abe,YutakaTKZIM" userId="4ea0f8c6-cb00-4a5a-9642-b208e11f484d" providerId="ADAL" clId="{DF643A51-0D77-4B0F-8B72-970EFD7718EC}" dt="2024-12-27T01:49:55.783" v="3693" actId="478"/>
          <ac:spMkLst>
            <pc:docMk/>
            <pc:sldMk cId="2945150577" sldId="3460"/>
            <ac:spMk id="43" creationId="{5017E0DC-9FDB-9DA9-C8AA-77A72EC3DC5B}"/>
          </ac:spMkLst>
        </pc:spChg>
        <pc:spChg chg="del">
          <ac:chgData name="Abe,YutakaTKZIM" userId="4ea0f8c6-cb00-4a5a-9642-b208e11f484d" providerId="ADAL" clId="{DF643A51-0D77-4B0F-8B72-970EFD7718EC}" dt="2024-12-27T01:49:55.783" v="3693" actId="478"/>
          <ac:spMkLst>
            <pc:docMk/>
            <pc:sldMk cId="2945150577" sldId="3460"/>
            <ac:spMk id="47" creationId="{8E766A24-F73E-EFA5-131F-1BC656B422AE}"/>
          </ac:spMkLst>
        </pc:spChg>
        <pc:spChg chg="del">
          <ac:chgData name="Abe,YutakaTKZIM" userId="4ea0f8c6-cb00-4a5a-9642-b208e11f484d" providerId="ADAL" clId="{DF643A51-0D77-4B0F-8B72-970EFD7718EC}" dt="2024-12-27T01:49:55.783" v="3693" actId="478"/>
          <ac:spMkLst>
            <pc:docMk/>
            <pc:sldMk cId="2945150577" sldId="3460"/>
            <ac:spMk id="48" creationId="{817F3F7A-B6E0-2BC6-37DE-D5AC4D885267}"/>
          </ac:spMkLst>
        </pc:spChg>
        <pc:graphicFrameChg chg="add mod modGraphic">
          <ac:chgData name="Abe,YutakaTKZIM" userId="4ea0f8c6-cb00-4a5a-9642-b208e11f484d" providerId="ADAL" clId="{DF643A51-0D77-4B0F-8B72-970EFD7718EC}" dt="2024-12-27T05:16:40.665" v="4019" actId="404"/>
          <ac:graphicFrameMkLst>
            <pc:docMk/>
            <pc:sldMk cId="2945150577" sldId="3460"/>
            <ac:graphicFrameMk id="3" creationId="{DE1528CE-9252-D86C-A235-6C47E015380E}"/>
          </ac:graphicFrameMkLst>
        </pc:graphicFrameChg>
        <pc:picChg chg="del">
          <ac:chgData name="Abe,YutakaTKZIM" userId="4ea0f8c6-cb00-4a5a-9642-b208e11f484d" providerId="ADAL" clId="{DF643A51-0D77-4B0F-8B72-970EFD7718EC}" dt="2024-12-27T01:49:55.783" v="3693" actId="478"/>
          <ac:picMkLst>
            <pc:docMk/>
            <pc:sldMk cId="2945150577" sldId="3460"/>
            <ac:picMk id="37" creationId="{CCA88CF7-4726-7736-6EE6-5AB9A59B257B}"/>
          </ac:picMkLst>
        </pc:picChg>
        <pc:cxnChg chg="del">
          <ac:chgData name="Abe,YutakaTKZIM" userId="4ea0f8c6-cb00-4a5a-9642-b208e11f484d" providerId="ADAL" clId="{DF643A51-0D77-4B0F-8B72-970EFD7718EC}" dt="2024-12-27T01:49:55.783" v="3693" actId="478"/>
          <ac:cxnSpMkLst>
            <pc:docMk/>
            <pc:sldMk cId="2945150577" sldId="3460"/>
            <ac:cxnSpMk id="5" creationId="{B4C0692F-1C7F-158E-46B7-E3D22EC5CDE0}"/>
          </ac:cxnSpMkLst>
        </pc:cxnChg>
        <pc:cxnChg chg="del">
          <ac:chgData name="Abe,YutakaTKZIM" userId="4ea0f8c6-cb00-4a5a-9642-b208e11f484d" providerId="ADAL" clId="{DF643A51-0D77-4B0F-8B72-970EFD7718EC}" dt="2024-12-27T01:49:55.783" v="3693" actId="478"/>
          <ac:cxnSpMkLst>
            <pc:docMk/>
            <pc:sldMk cId="2945150577" sldId="3460"/>
            <ac:cxnSpMk id="11" creationId="{1FD6BD35-BD4F-CDD5-DCD7-D0DBFFB9F492}"/>
          </ac:cxnSpMkLst>
        </pc:cxnChg>
        <pc:cxnChg chg="del mod">
          <ac:chgData name="Abe,YutakaTKZIM" userId="4ea0f8c6-cb00-4a5a-9642-b208e11f484d" providerId="ADAL" clId="{DF643A51-0D77-4B0F-8B72-970EFD7718EC}" dt="2024-12-27T01:49:55.783" v="3693" actId="478"/>
          <ac:cxnSpMkLst>
            <pc:docMk/>
            <pc:sldMk cId="2945150577" sldId="3460"/>
            <ac:cxnSpMk id="46" creationId="{2D40E36C-AE77-AE95-469F-5DB018DFA2AB}"/>
          </ac:cxnSpMkLst>
        </pc:cxnChg>
      </pc:sldChg>
    </pc:docChg>
  </pc:docChgLst>
</pc:chgInfo>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ja-JP" sz="2400" dirty="0">
                <a:solidFill>
                  <a:schemeClr val="accent2">
                    <a:lumMod val="75000"/>
                  </a:schemeClr>
                </a:solidFill>
                <a:latin typeface="Cooper Black" panose="0208090404030B020404" pitchFamily="18" charset="0"/>
                <a:ea typeface="游ゴシック" panose="020B0400000000000000" pitchFamily="50" charset="-128"/>
              </a:rPr>
              <a:t>Energy Forecast</a:t>
            </a:r>
            <a:endParaRPr lang="ja-JP" altLang="en-US" sz="2400" dirty="0">
              <a:solidFill>
                <a:schemeClr val="accent2">
                  <a:lumMod val="75000"/>
                </a:schemeClr>
              </a:solidFill>
              <a:latin typeface="Cooper Black" panose="0208090404030B020404" pitchFamily="18" charset="0"/>
              <a:ea typeface="游ゴシック" panose="020B0400000000000000" pitchFamily="50" charset="-128"/>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areaChart>
        <c:grouping val="stacked"/>
        <c:varyColors val="0"/>
        <c:ser>
          <c:idx val="0"/>
          <c:order val="0"/>
          <c:tx>
            <c:strRef>
              <c:f>Sheet1!$C$9</c:f>
              <c:strCache>
                <c:ptCount val="1"/>
                <c:pt idx="0">
                  <c:v>Data Centers</c:v>
                </c:pt>
              </c:strCache>
            </c:strRef>
          </c:tx>
          <c:spPr>
            <a:solidFill>
              <a:schemeClr val="accent6"/>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9:$N$9</c:f>
              <c:numCache>
                <c:formatCode>#,##0_);[Red]\(#,##0\)</c:formatCode>
                <c:ptCount val="11"/>
                <c:pt idx="0">
                  <c:v>200</c:v>
                </c:pt>
                <c:pt idx="1">
                  <c:v>250</c:v>
                </c:pt>
                <c:pt idx="2">
                  <c:v>300</c:v>
                </c:pt>
                <c:pt idx="3">
                  <c:v>380</c:v>
                </c:pt>
                <c:pt idx="4">
                  <c:v>500</c:v>
                </c:pt>
                <c:pt idx="5">
                  <c:v>700</c:v>
                </c:pt>
                <c:pt idx="6">
                  <c:v>900</c:v>
                </c:pt>
                <c:pt idx="7">
                  <c:v>1200</c:v>
                </c:pt>
                <c:pt idx="8">
                  <c:v>1600</c:v>
                </c:pt>
                <c:pt idx="9">
                  <c:v>2200</c:v>
                </c:pt>
                <c:pt idx="10">
                  <c:v>2967</c:v>
                </c:pt>
              </c:numCache>
            </c:numRef>
          </c:val>
          <c:extLst>
            <c:ext xmlns:c16="http://schemas.microsoft.com/office/drawing/2014/chart" uri="{C3380CC4-5D6E-409C-BE32-E72D297353CC}">
              <c16:uniqueId val="{00000000-DC48-4446-B64A-6912B9572007}"/>
            </c:ext>
          </c:extLst>
        </c:ser>
        <c:ser>
          <c:idx val="1"/>
          <c:order val="1"/>
          <c:tx>
            <c:strRef>
              <c:f>Sheet1!$C$10</c:f>
              <c:strCache>
                <c:ptCount val="1"/>
                <c:pt idx="0">
                  <c:v>Consumer Devices (televisions, computers, mobile phones)</c:v>
                </c:pt>
              </c:strCache>
            </c:strRef>
          </c:tx>
          <c:spPr>
            <a:solidFill>
              <a:schemeClr val="accent5"/>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0:$N$10</c:f>
              <c:numCache>
                <c:formatCode>#,##0_);[Red]\(#,##0\)</c:formatCode>
                <c:ptCount val="11"/>
                <c:pt idx="0">
                  <c:v>1050</c:v>
                </c:pt>
                <c:pt idx="1">
                  <c:v>1000</c:v>
                </c:pt>
                <c:pt idx="2">
                  <c:v>980</c:v>
                </c:pt>
                <c:pt idx="3">
                  <c:v>950</c:v>
                </c:pt>
                <c:pt idx="4">
                  <c:v>940</c:v>
                </c:pt>
                <c:pt idx="5">
                  <c:v>930</c:v>
                </c:pt>
                <c:pt idx="6">
                  <c:v>910</c:v>
                </c:pt>
                <c:pt idx="7">
                  <c:v>850</c:v>
                </c:pt>
                <c:pt idx="8">
                  <c:v>780</c:v>
                </c:pt>
                <c:pt idx="9">
                  <c:v>700</c:v>
                </c:pt>
                <c:pt idx="10">
                  <c:v>670</c:v>
                </c:pt>
              </c:numCache>
            </c:numRef>
          </c:val>
          <c:extLst>
            <c:ext xmlns:c16="http://schemas.microsoft.com/office/drawing/2014/chart" uri="{C3380CC4-5D6E-409C-BE32-E72D297353CC}">
              <c16:uniqueId val="{00000001-DC48-4446-B64A-6912B9572007}"/>
            </c:ext>
          </c:extLst>
        </c:ser>
        <c:ser>
          <c:idx val="2"/>
          <c:order val="2"/>
          <c:tx>
            <c:strRef>
              <c:f>Sheet1!$C$11</c:f>
              <c:strCache>
                <c:ptCount val="1"/>
                <c:pt idx="0">
                  <c:v>Production of ICT</c:v>
                </c:pt>
              </c:strCache>
            </c:strRef>
          </c:tx>
          <c:spPr>
            <a:solidFill>
              <a:schemeClr val="accent4"/>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1:$N$11</c:f>
              <c:numCache>
                <c:formatCode>#,##0_);[Red]\(#,##0\)</c:formatCode>
                <c:ptCount val="11"/>
                <c:pt idx="0">
                  <c:v>384</c:v>
                </c:pt>
                <c:pt idx="1">
                  <c:v>423</c:v>
                </c:pt>
                <c:pt idx="2">
                  <c:v>461</c:v>
                </c:pt>
                <c:pt idx="3">
                  <c:v>480</c:v>
                </c:pt>
                <c:pt idx="4">
                  <c:v>520</c:v>
                </c:pt>
                <c:pt idx="5">
                  <c:v>538</c:v>
                </c:pt>
                <c:pt idx="6">
                  <c:v>550</c:v>
                </c:pt>
                <c:pt idx="7">
                  <c:v>575</c:v>
                </c:pt>
                <c:pt idx="8">
                  <c:v>650</c:v>
                </c:pt>
                <c:pt idx="9">
                  <c:v>750</c:v>
                </c:pt>
                <c:pt idx="10">
                  <c:v>903</c:v>
                </c:pt>
              </c:numCache>
            </c:numRef>
          </c:val>
          <c:extLst>
            <c:ext xmlns:c16="http://schemas.microsoft.com/office/drawing/2014/chart" uri="{C3380CC4-5D6E-409C-BE32-E72D297353CC}">
              <c16:uniqueId val="{00000002-DC48-4446-B64A-6912B9572007}"/>
            </c:ext>
          </c:extLst>
        </c:ser>
        <c:ser>
          <c:idx val="3"/>
          <c:order val="3"/>
          <c:tx>
            <c:strRef>
              <c:f>Sheet1!$C$12</c:f>
              <c:strCache>
                <c:ptCount val="1"/>
                <c:pt idx="0">
                  <c:v>Networks (wireless and wired)</c:v>
                </c:pt>
              </c:strCache>
            </c:strRef>
          </c:tx>
          <c:spPr>
            <a:solidFill>
              <a:srgbClr val="FF6600"/>
            </a:solidFill>
            <a:ln>
              <a:noFill/>
            </a:ln>
            <a:effectLst/>
          </c:spPr>
          <c:cat>
            <c:numRef>
              <c:f>Sheet1!$D$8:$N$8</c:f>
              <c:numCache>
                <c:formatCode>General</c:formatCode>
                <c:ptCount val="11"/>
                <c:pt idx="0">
                  <c:v>2010</c:v>
                </c:pt>
                <c:pt idx="1">
                  <c:v>2012</c:v>
                </c:pt>
                <c:pt idx="2">
                  <c:v>2014</c:v>
                </c:pt>
                <c:pt idx="3">
                  <c:v>2016</c:v>
                </c:pt>
                <c:pt idx="4">
                  <c:v>2018</c:v>
                </c:pt>
                <c:pt idx="5">
                  <c:v>2020</c:v>
                </c:pt>
                <c:pt idx="6">
                  <c:v>2022</c:v>
                </c:pt>
                <c:pt idx="7">
                  <c:v>2024</c:v>
                </c:pt>
                <c:pt idx="8">
                  <c:v>2026</c:v>
                </c:pt>
                <c:pt idx="9">
                  <c:v>2028</c:v>
                </c:pt>
                <c:pt idx="10">
                  <c:v>2030</c:v>
                </c:pt>
              </c:numCache>
            </c:numRef>
          </c:cat>
          <c:val>
            <c:numRef>
              <c:f>Sheet1!$D$12:$N$12</c:f>
              <c:numCache>
                <c:formatCode>#,##0_);[Red]\(#,##0\)</c:formatCode>
                <c:ptCount val="11"/>
                <c:pt idx="0">
                  <c:v>356.346</c:v>
                </c:pt>
                <c:pt idx="1">
                  <c:v>381.95375000000001</c:v>
                </c:pt>
                <c:pt idx="2">
                  <c:v>392.3023</c:v>
                </c:pt>
                <c:pt idx="3">
                  <c:v>422.21460000000002</c:v>
                </c:pt>
                <c:pt idx="4">
                  <c:v>566.30050000000006</c:v>
                </c:pt>
                <c:pt idx="5">
                  <c:v>729.47530000000006</c:v>
                </c:pt>
                <c:pt idx="6">
                  <c:v>925.86649999999997</c:v>
                </c:pt>
                <c:pt idx="7">
                  <c:v>1251.953</c:v>
                </c:pt>
                <c:pt idx="8">
                  <c:v>1885.6487500000001</c:v>
                </c:pt>
                <c:pt idx="9">
                  <c:v>2588.6927500000002</c:v>
                </c:pt>
                <c:pt idx="10">
                  <c:v>3726.1729999999998</c:v>
                </c:pt>
              </c:numCache>
            </c:numRef>
          </c:val>
          <c:extLst>
            <c:ext xmlns:c16="http://schemas.microsoft.com/office/drawing/2014/chart" uri="{C3380CC4-5D6E-409C-BE32-E72D297353CC}">
              <c16:uniqueId val="{00000003-DC48-4446-B64A-6912B9572007}"/>
            </c:ext>
          </c:extLst>
        </c:ser>
        <c:dLbls>
          <c:showLegendKey val="0"/>
          <c:showVal val="0"/>
          <c:showCatName val="0"/>
          <c:showSerName val="0"/>
          <c:showPercent val="0"/>
          <c:showBubbleSize val="0"/>
        </c:dLbls>
        <c:axId val="-1713427440"/>
        <c:axId val="-1713424720"/>
      </c:areaChart>
      <c:catAx>
        <c:axId val="-171342744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713424720"/>
        <c:crosses val="autoZero"/>
        <c:auto val="1"/>
        <c:lblAlgn val="ctr"/>
        <c:lblOffset val="100"/>
        <c:noMultiLvlLbl val="0"/>
      </c:catAx>
      <c:valAx>
        <c:axId val="-1713424720"/>
        <c:scaling>
          <c:orientation val="minMax"/>
        </c:scaling>
        <c:delete val="0"/>
        <c:axPos val="l"/>
        <c:majorGridlines>
          <c:spPr>
            <a:ln w="9525" cap="flat" cmpd="sng" algn="ctr">
              <a:no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713427440"/>
        <c:crosses val="autoZero"/>
        <c:crossBetween val="midCat"/>
      </c:valAx>
      <c:spPr>
        <a:noFill/>
        <a:ln>
          <a:noFill/>
        </a:ln>
        <a:effectLst/>
      </c:spPr>
    </c:plotArea>
    <c:legend>
      <c:legendPos val="r"/>
      <c:layout>
        <c:manualLayout>
          <c:xMode val="edge"/>
          <c:yMode val="edge"/>
          <c:x val="7.1238017868575698E-2"/>
          <c:y val="0.17344486330143577"/>
          <c:w val="0.58886833963897534"/>
          <c:h val="0.22285531589004637"/>
        </c:manualLayout>
      </c:layout>
      <c:overlay val="1"/>
      <c:spPr>
        <a:noFill/>
        <a:ln>
          <a:noFill/>
        </a:ln>
        <a:effectLst/>
      </c:spPr>
      <c:txPr>
        <a:bodyPr rot="0" spcFirstLastPara="1" vertOverflow="ellipsis" vert="horz" wrap="square" anchor="t" anchorCtr="0"/>
        <a:lstStyle/>
        <a:p>
          <a:pPr>
            <a:defRPr sz="1400" b="0" i="0" u="none" strike="noStrike" kern="1200" baseline="0">
              <a:solidFill>
                <a:schemeClr val="tx1">
                  <a:lumMod val="65000"/>
                  <a:lumOff val="35000"/>
                </a:schemeClr>
              </a:solidFill>
              <a:latin typeface="+mn-lt"/>
              <a:ea typeface="+mn-ea"/>
              <a:cs typeface="+mn-cs"/>
            </a:defRPr>
          </a:pPr>
          <a:endParaRPr lang="ja-JP"/>
        </a:p>
      </c:txPr>
    </c:legend>
    <c:plotVisOnly val="1"/>
    <c:dispBlanksAs val="zero"/>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7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ln w="9525" cap="flat" cmpd="sng" algn="ctr">
        <a:solidFill>
          <a:schemeClr val="tx1">
            <a:lumMod val="15000"/>
            <a:lumOff val="85000"/>
          </a:schemeClr>
        </a:solidFill>
        <a:round/>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9D75038-EF4A-4E0C-A4AE-E7A8B81E389B}" type="datetimeFigureOut">
              <a:rPr kumimoji="1" lang="ja-JP" altLang="en-US" smtClean="0"/>
              <a:t>2025/1/6</a:t>
            </a:fld>
            <a:endParaRPr kumimoji="1" lang="ja-JP" altLang="en-US"/>
          </a:p>
        </p:txBody>
      </p:sp>
      <p:sp>
        <p:nvSpPr>
          <p:cNvPr id="4" name="スライド イメージ プレースホルダー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D0837D5A-EF00-4496-810E-3EA1E21E5069}" type="slidenum">
              <a:rPr kumimoji="1" lang="ja-JP" altLang="en-US" smtClean="0"/>
              <a:t>‹#›</a:t>
            </a:fld>
            <a:endParaRPr kumimoji="1" lang="ja-JP" altLang="en-US"/>
          </a:p>
        </p:txBody>
      </p:sp>
    </p:spTree>
    <p:extLst>
      <p:ext uri="{BB962C8B-B14F-4D97-AF65-F5344CB8AC3E}">
        <p14:creationId xmlns:p14="http://schemas.microsoft.com/office/powerpoint/2010/main" val="464965922"/>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8" Type="http://schemas.openxmlformats.org/officeDocument/2006/relationships/hyperlink" Target="https://www.cell.com/cell-reports-physical-science/fulltext/S2666-3864(24)00436-3" TargetMode="External"/><Relationship Id="rId3" Type="http://schemas.openxmlformats.org/officeDocument/2006/relationships/hyperlink" Target="https://karapaia.com/archives/52308102.html" TargetMode="External"/><Relationship Id="rId7" Type="http://schemas.openxmlformats.org/officeDocument/2006/relationships/hyperlink" Target="https://www.eurekalert.org/news-releases/1055131" TargetMode="External"/><Relationship Id="rId2" Type="http://schemas.openxmlformats.org/officeDocument/2006/relationships/slide" Target="../slides/slide35.xml"/><Relationship Id="rId1" Type="http://schemas.openxmlformats.org/officeDocument/2006/relationships/notesMaster" Target="../notesMasters/notesMaster1.xml"/><Relationship Id="rId6" Type="http://schemas.openxmlformats.org/officeDocument/2006/relationships/hyperlink" Target="https://commons.wikimedia.org/wiki/File:Pong_Game_Test2.gif" TargetMode="External"/><Relationship Id="rId5" Type="http://schemas.openxmlformats.org/officeDocument/2006/relationships/hyperlink" Target="https://commons.wikimedia.org/w/index.php?title=User:WikiJunkie&amp;action=edit&amp;redlink=1" TargetMode="External"/><Relationship Id="rId4" Type="http://schemas.openxmlformats.org/officeDocument/2006/relationships/hyperlink" Target="https://karapaia.com/archives/449113.html/2-91" TargetMode="External"/><Relationship Id="rId9" Type="http://schemas.openxmlformats.org/officeDocument/2006/relationships/hyperlink" Target="https://cosmosmagazine.com/technology/materials/jelly-plays-pong-and-gets-better-at-with-practice/" TargetMode="Externa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BE197C03-FCF9-462E-AF0F-9B8ABECAF5B1}" type="slidenum">
              <a:rPr kumimoji="1" lang="ja-JP" altLang="en-US" smtClean="0"/>
              <a:t>1</a:t>
            </a:fld>
            <a:endParaRPr kumimoji="1" lang="ja-JP" altLang="en-US"/>
          </a:p>
        </p:txBody>
      </p:sp>
    </p:spTree>
    <p:extLst>
      <p:ext uri="{BB962C8B-B14F-4D97-AF65-F5344CB8AC3E}">
        <p14:creationId xmlns:p14="http://schemas.microsoft.com/office/powerpoint/2010/main" val="318348878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BE197C03-FCF9-462E-AF0F-9B8ABECAF5B1}" type="slidenum">
              <a:rPr kumimoji="1" lang="ja-JP" altLang="en-US" smtClean="0"/>
              <a:t>36</a:t>
            </a:fld>
            <a:endParaRPr kumimoji="1" lang="ja-JP" altLang="en-US"/>
          </a:p>
        </p:txBody>
      </p:sp>
    </p:spTree>
    <p:extLst>
      <p:ext uri="{BB962C8B-B14F-4D97-AF65-F5344CB8AC3E}">
        <p14:creationId xmlns:p14="http://schemas.microsoft.com/office/powerpoint/2010/main" val="278052779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BE197C03-FCF9-462E-AF0F-9B8ABECAF5B1}" type="slidenum">
              <a:rPr kumimoji="1" lang="ja-JP" altLang="en-US" smtClean="0"/>
              <a:t>37</a:t>
            </a:fld>
            <a:endParaRPr kumimoji="1" lang="ja-JP" altLang="en-US"/>
          </a:p>
        </p:txBody>
      </p:sp>
    </p:spTree>
    <p:extLst>
      <p:ext uri="{BB962C8B-B14F-4D97-AF65-F5344CB8AC3E}">
        <p14:creationId xmlns:p14="http://schemas.microsoft.com/office/powerpoint/2010/main" val="131463055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BE197C03-FCF9-462E-AF0F-9B8ABECAF5B1}" type="slidenum">
              <a:rPr kumimoji="1" lang="ja-JP" altLang="en-US" smtClean="0"/>
              <a:t>65</a:t>
            </a:fld>
            <a:endParaRPr kumimoji="1" lang="ja-JP" altLang="en-US"/>
          </a:p>
        </p:txBody>
      </p:sp>
    </p:spTree>
    <p:extLst>
      <p:ext uri="{BB962C8B-B14F-4D97-AF65-F5344CB8AC3E}">
        <p14:creationId xmlns:p14="http://schemas.microsoft.com/office/powerpoint/2010/main" val="322539133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F877FC2-5A0F-48A6-8ECD-6B7A8F1A7552}"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72201840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1832C71F-F9E4-4032-A1DC-E7A885B4A3DB}" type="slidenum">
              <a:rPr kumimoji="1" lang="ja-JP" altLang="en-US" smtClean="0"/>
              <a:t>4</a:t>
            </a:fld>
            <a:endParaRPr kumimoji="1" lang="ja-JP" altLang="en-US"/>
          </a:p>
        </p:txBody>
      </p:sp>
    </p:spTree>
    <p:extLst>
      <p:ext uri="{BB962C8B-B14F-4D97-AF65-F5344CB8AC3E}">
        <p14:creationId xmlns:p14="http://schemas.microsoft.com/office/powerpoint/2010/main" val="110368912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1832C71F-F9E4-4032-A1DC-E7A885B4A3DB}" type="slidenum">
              <a:rPr kumimoji="1" lang="ja-JP" altLang="en-US" smtClean="0"/>
              <a:t>6</a:t>
            </a:fld>
            <a:endParaRPr kumimoji="1" lang="ja-JP" altLang="en-US"/>
          </a:p>
        </p:txBody>
      </p:sp>
    </p:spTree>
    <p:extLst>
      <p:ext uri="{BB962C8B-B14F-4D97-AF65-F5344CB8AC3E}">
        <p14:creationId xmlns:p14="http://schemas.microsoft.com/office/powerpoint/2010/main" val="286754601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BE197C03-FCF9-462E-AF0F-9B8ABECAF5B1}" type="slidenum">
              <a:rPr kumimoji="1" lang="ja-JP" altLang="en-US" smtClean="0"/>
              <a:t>12</a:t>
            </a:fld>
            <a:endParaRPr kumimoji="1" lang="ja-JP" altLang="en-US"/>
          </a:p>
        </p:txBody>
      </p:sp>
    </p:spTree>
    <p:extLst>
      <p:ext uri="{BB962C8B-B14F-4D97-AF65-F5344CB8AC3E}">
        <p14:creationId xmlns:p14="http://schemas.microsoft.com/office/powerpoint/2010/main" val="341336263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BE197C03-FCF9-462E-AF0F-9B8ABECAF5B1}" type="slidenum">
              <a:rPr kumimoji="1" lang="ja-JP" altLang="en-US" smtClean="0"/>
              <a:t>13</a:t>
            </a:fld>
            <a:endParaRPr kumimoji="1" lang="ja-JP" altLang="en-US"/>
          </a:p>
        </p:txBody>
      </p:sp>
    </p:spTree>
    <p:extLst>
      <p:ext uri="{BB962C8B-B14F-4D97-AF65-F5344CB8AC3E}">
        <p14:creationId xmlns:p14="http://schemas.microsoft.com/office/powerpoint/2010/main" val="1969757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BE197C03-FCF9-462E-AF0F-9B8ABECAF5B1}" type="slidenum">
              <a:rPr kumimoji="1" lang="ja-JP" altLang="en-US" smtClean="0"/>
              <a:t>29</a:t>
            </a:fld>
            <a:endParaRPr kumimoji="1" lang="ja-JP" altLang="en-US"/>
          </a:p>
        </p:txBody>
      </p:sp>
    </p:spTree>
    <p:extLst>
      <p:ext uri="{BB962C8B-B14F-4D97-AF65-F5344CB8AC3E}">
        <p14:creationId xmlns:p14="http://schemas.microsoft.com/office/powerpoint/2010/main" val="169340033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BE197C03-FCF9-462E-AF0F-9B8ABECAF5B1}" type="slidenum">
              <a:rPr kumimoji="1" lang="ja-JP" altLang="en-US" smtClean="0"/>
              <a:t>31</a:t>
            </a:fld>
            <a:endParaRPr kumimoji="1" lang="ja-JP" altLang="en-US"/>
          </a:p>
        </p:txBody>
      </p:sp>
    </p:spTree>
    <p:extLst>
      <p:ext uri="{BB962C8B-B14F-4D97-AF65-F5344CB8AC3E}">
        <p14:creationId xmlns:p14="http://schemas.microsoft.com/office/powerpoint/2010/main" val="239924515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algn="l"/>
            <a:r>
              <a:rPr lang="ja-JP" altLang="en-US" b="0" i="0" dirty="0">
                <a:effectLst/>
                <a:highlight>
                  <a:srgbClr val="F9F8EC"/>
                </a:highlight>
                <a:latin typeface="Helvetica Neue"/>
              </a:rPr>
              <a:t>このぷるんっとした透明なハイドロゲルには記憶があり、それによってゲームの腕前がアップする。</a:t>
            </a:r>
          </a:p>
          <a:p>
            <a:pPr algn="l"/>
            <a:r>
              <a:rPr lang="ja-JP" altLang="en-US" b="0" i="0" dirty="0">
                <a:effectLst/>
                <a:highlight>
                  <a:srgbClr val="F9F8EC"/>
                </a:highlight>
                <a:latin typeface="Helvetica Neue"/>
              </a:rPr>
              <a:t>　英レディング大学の研究チームが実証したのは、このごく基本的な物質には記憶があり、「ポン」というゲームをプレイさせるほど、パフォーマスが向上するということだ。</a:t>
            </a:r>
          </a:p>
          <a:p>
            <a:pPr algn="l"/>
            <a:r>
              <a:rPr lang="ja-JP" altLang="en-US" b="0" i="0" dirty="0">
                <a:effectLst/>
                <a:highlight>
                  <a:srgbClr val="F9F8EC"/>
                </a:highlight>
                <a:latin typeface="Helvetica Neue"/>
              </a:rPr>
              <a:t>　人工脳と言うにはシンプルすぎるが、それでも学習して環境に適応する”スマート材料”の登場につながる成果であるという。</a:t>
            </a:r>
          </a:p>
          <a:p>
            <a:pPr algn="l"/>
            <a:r>
              <a:rPr lang="ja-JP" altLang="en-US" b="1" i="0" dirty="0">
                <a:effectLst/>
                <a:highlight>
                  <a:srgbClr val="F9F8EC"/>
                </a:highlight>
                <a:latin typeface="Helvetica Neue"/>
              </a:rPr>
              <a:t>シンプルなゲルに記憶が！？</a:t>
            </a:r>
          </a:p>
          <a:p>
            <a:pPr algn="l"/>
            <a:r>
              <a:rPr lang="ja-JP" altLang="en-US" b="0" i="0" dirty="0">
                <a:effectLst/>
                <a:highlight>
                  <a:srgbClr val="F9F8EC"/>
                </a:highlight>
                <a:latin typeface="Helvetica Neue"/>
              </a:rPr>
              <a:t>　今回使われたハイドロゲルは「電気活性高分子（</a:t>
            </a:r>
            <a:r>
              <a:rPr lang="en-US" altLang="ja-JP" b="0" i="0" dirty="0">
                <a:effectLst/>
                <a:highlight>
                  <a:srgbClr val="F9F8EC"/>
                </a:highlight>
                <a:latin typeface="Helvetica Neue"/>
              </a:rPr>
              <a:t>EAP</a:t>
            </a:r>
            <a:r>
              <a:rPr lang="ja-JP" altLang="en-US" b="0" i="0" dirty="0">
                <a:effectLst/>
                <a:highlight>
                  <a:srgbClr val="F9F8EC"/>
                </a:highlight>
                <a:latin typeface="Helvetica Neue"/>
              </a:rPr>
              <a:t>）」をベースに作られたものだ。</a:t>
            </a:r>
          </a:p>
          <a:p>
            <a:pPr algn="l"/>
            <a:r>
              <a:rPr lang="ja-JP" altLang="en-US" b="0" i="0" dirty="0">
                <a:effectLst/>
                <a:highlight>
                  <a:srgbClr val="F9F8EC"/>
                </a:highlight>
                <a:latin typeface="Helvetica Neue"/>
              </a:rPr>
              <a:t>ハイドロゲルとは、水を大量に吸収してゲル状になる物質のことで、こんな</a:t>
            </a:r>
            <a:r>
              <a:rPr lang="ja-JP" altLang="en-US" b="0" i="0" u="sng" dirty="0">
                <a:effectLst/>
                <a:highlight>
                  <a:srgbClr val="F9F8EC"/>
                </a:highlight>
                <a:latin typeface="Helvetica Neue"/>
                <a:hlinkClick r:id="rId3"/>
              </a:rPr>
              <a:t>不思議な特性</a:t>
            </a:r>
            <a:r>
              <a:rPr lang="ja-JP" altLang="en-US" b="0" i="0" dirty="0">
                <a:effectLst/>
                <a:highlight>
                  <a:srgbClr val="F9F8EC"/>
                </a:highlight>
                <a:latin typeface="Helvetica Neue"/>
              </a:rPr>
              <a:t>もある）。</a:t>
            </a:r>
          </a:p>
          <a:p>
            <a:pPr algn="l"/>
            <a:r>
              <a:rPr lang="ja-JP" altLang="en-US" b="0" i="0" dirty="0">
                <a:effectLst/>
                <a:highlight>
                  <a:srgbClr val="F9F8EC"/>
                </a:highlight>
                <a:latin typeface="Helvetica Neue"/>
              </a:rPr>
              <a:t>　</a:t>
            </a:r>
            <a:r>
              <a:rPr lang="en-US" altLang="ja-JP" b="0" i="0" dirty="0">
                <a:effectLst/>
                <a:highlight>
                  <a:srgbClr val="F9F8EC"/>
                </a:highlight>
                <a:latin typeface="Helvetica Neue"/>
              </a:rPr>
              <a:t>EAP</a:t>
            </a:r>
            <a:r>
              <a:rPr lang="ja-JP" altLang="en-US" b="0" i="0" dirty="0">
                <a:effectLst/>
                <a:highlight>
                  <a:srgbClr val="F9F8EC"/>
                </a:highlight>
                <a:latin typeface="Helvetica Neue"/>
              </a:rPr>
              <a:t>とはごく簡単にいえば、電気信号に反応する高分子のこと。</a:t>
            </a:r>
          </a:p>
          <a:p>
            <a:pPr algn="l"/>
            <a:r>
              <a:rPr lang="ja-JP" altLang="en-US" b="0" i="0" dirty="0">
                <a:effectLst/>
                <a:highlight>
                  <a:srgbClr val="F9F8EC"/>
                </a:highlight>
                <a:latin typeface="Helvetica Neue"/>
              </a:rPr>
              <a:t>　電流が流れると内部に含まれた「イオン」（電荷を持つ粒子）が移動し、それによって形状や大きさが変わるという性質がある。</a:t>
            </a:r>
          </a:p>
          <a:p>
            <a:pPr algn="l"/>
            <a:r>
              <a:rPr lang="ja-JP" altLang="en-US" b="0" i="0" dirty="0">
                <a:effectLst/>
                <a:highlight>
                  <a:srgbClr val="F9F8EC"/>
                </a:highlight>
                <a:latin typeface="Helvetica Neue"/>
              </a:rPr>
              <a:t>　こうした性質をうまく利用することで、人工筋肉として機能させることができる。</a:t>
            </a:r>
          </a:p>
          <a:p>
            <a:pPr algn="l"/>
            <a:r>
              <a:rPr lang="ja-JP" altLang="en-US" b="0" i="0" dirty="0">
                <a:effectLst/>
                <a:highlight>
                  <a:srgbClr val="F9F8EC"/>
                </a:highlight>
                <a:latin typeface="Helvetica Neue"/>
              </a:rPr>
              <a:t>　例えば、今回の研究を率いたレディング大学の林 叔克氏らは以前、ハイドロゲルを心臓のペースメーカーと組み合わせ、本物の心臓のように収縮と拡張させる実験を行なっている。</a:t>
            </a:r>
          </a:p>
          <a:p>
            <a:pPr algn="l"/>
            <a:r>
              <a:rPr lang="ja-JP" altLang="en-US" b="0" i="0" dirty="0">
                <a:effectLst/>
                <a:highlight>
                  <a:srgbClr val="F9F8EC"/>
                </a:highlight>
                <a:latin typeface="Helvetica Neue"/>
              </a:rPr>
              <a:t>　だが、この研究を進めるうちに面白いことがわかった。そのハイドロゲルがなんと「記憶」があるらしき振る舞いを示したのだ。</a:t>
            </a:r>
          </a:p>
          <a:p>
            <a:pPr algn="l"/>
            <a:r>
              <a:rPr lang="ja-JP" altLang="en-US" b="0" i="0" dirty="0">
                <a:effectLst/>
                <a:highlight>
                  <a:srgbClr val="F9F8EC"/>
                </a:highlight>
                <a:latin typeface="Helvetica Neue"/>
              </a:rPr>
              <a:t>　ハイドロゲルに記憶を刻みつけるには、繰り返し圧縮してやればいい。こうすると、ペースメーカーを停止させても、そのリズムに合わせて振動してくれる。</a:t>
            </a:r>
          </a:p>
          <a:p>
            <a:pPr algn="l"/>
            <a:r>
              <a:rPr lang="ja-JP" altLang="en-US" b="0" i="0" dirty="0">
                <a:effectLst/>
                <a:highlight>
                  <a:srgbClr val="F9F8EC"/>
                </a:highlight>
                <a:latin typeface="Helvetica Neue"/>
              </a:rPr>
              <a:t>　それはイオンの動きが、それまでの動きに影響されているということで、ある種の記憶とみなすことができる。</a:t>
            </a:r>
          </a:p>
          <a:p>
            <a:pPr algn="l"/>
            <a:r>
              <a:rPr lang="ja-JP" altLang="en-US" b="1" i="0" dirty="0">
                <a:effectLst/>
                <a:highlight>
                  <a:srgbClr val="F9F8EC"/>
                </a:highlight>
                <a:latin typeface="Helvetica Neue"/>
              </a:rPr>
              <a:t>ゲルがゲームプレイを学習</a:t>
            </a:r>
          </a:p>
          <a:p>
            <a:pPr algn="l"/>
            <a:r>
              <a:rPr lang="ja-JP" altLang="en-US" b="0" i="0" dirty="0">
                <a:effectLst/>
                <a:highlight>
                  <a:srgbClr val="F9F8EC"/>
                </a:highlight>
                <a:latin typeface="Helvetica Neue"/>
              </a:rPr>
              <a:t>　今回の研究は、このハイドロゲルの記憶機能を応用したものだ。その結果、ごく基本的な物質でも、人間の脳のような学習ができることが証明された。</a:t>
            </a:r>
          </a:p>
          <a:p>
            <a:pPr algn="l"/>
            <a:r>
              <a:rPr lang="ja-JP" altLang="en-US" b="0" i="0" dirty="0">
                <a:effectLst/>
                <a:highlight>
                  <a:srgbClr val="F9F8EC"/>
                </a:highlight>
                <a:latin typeface="Helvetica Neue"/>
              </a:rPr>
              <a:t>　その実験では、「ポン」という卓球のようなビデオゲームが利用された。</a:t>
            </a:r>
          </a:p>
          <a:p>
            <a:pPr algn="l"/>
            <a:r>
              <a:rPr lang="ja-JP" altLang="en-US" b="0" i="0" dirty="0">
                <a:effectLst/>
                <a:highlight>
                  <a:srgbClr val="F9F8EC"/>
                </a:highlight>
                <a:latin typeface="Helvetica Neue"/>
              </a:rPr>
              <a:t>　ポンは画面両側にあるパドルでボールを弾きあってスコアを競うゲームだ。</a:t>
            </a:r>
          </a:p>
          <a:p>
            <a:pPr algn="l"/>
            <a:r>
              <a:rPr lang="ja-JP" altLang="en-US" u="sng" dirty="0">
                <a:effectLst/>
                <a:hlinkClick r:id="rId4"/>
              </a:rPr>
              <a:t>この画像を大きなサイズで見る</a:t>
            </a:r>
            <a:r>
              <a:rPr lang="en-US" altLang="ja-JP" dirty="0"/>
              <a:t>PONG</a:t>
            </a:r>
            <a:r>
              <a:rPr lang="ja-JP" altLang="en-US" dirty="0"/>
              <a:t>ゲーム </a:t>
            </a:r>
            <a:r>
              <a:rPr lang="en-US" altLang="ja-JP" dirty="0"/>
              <a:t>/ Image credit:</a:t>
            </a:r>
            <a:br>
              <a:rPr lang="ja-JP" altLang="en-US" u="sng" dirty="0">
                <a:effectLst/>
                <a:hlinkClick r:id="rId5"/>
              </a:rPr>
            </a:br>
            <a:r>
              <a:rPr lang="en-US" altLang="ja-JP" u="sng" dirty="0" err="1">
                <a:effectLst/>
                <a:hlinkClick r:id="rId5"/>
              </a:rPr>
              <a:t>WikiJunkie</a:t>
            </a:r>
            <a:r>
              <a:rPr lang="ja-JP" altLang="en-US" dirty="0"/>
              <a:t> </a:t>
            </a:r>
            <a:r>
              <a:rPr lang="en-US" altLang="ja-JP" dirty="0"/>
              <a:t>/ </a:t>
            </a:r>
            <a:r>
              <a:rPr lang="en-US" altLang="ja-JP" u="sng" dirty="0">
                <a:effectLst/>
                <a:hlinkClick r:id="rId6"/>
              </a:rPr>
              <a:t>WIKI commons</a:t>
            </a:r>
            <a:r>
              <a:rPr lang="ja-JP" altLang="en-US" b="0" i="0" dirty="0">
                <a:effectLst/>
                <a:highlight>
                  <a:srgbClr val="F9F8EC"/>
                </a:highlight>
                <a:latin typeface="Helvetica Neue"/>
              </a:rPr>
              <a:t>　だが、このままでは使えないので、実験のポンはパドル</a:t>
            </a:r>
            <a:r>
              <a:rPr lang="en-US" altLang="ja-JP" b="0" i="0" dirty="0">
                <a:effectLst/>
                <a:highlight>
                  <a:srgbClr val="F9F8EC"/>
                </a:highlight>
                <a:latin typeface="Helvetica Neue"/>
              </a:rPr>
              <a:t>1</a:t>
            </a:r>
            <a:r>
              <a:rPr lang="ja-JP" altLang="en-US" b="0" i="0" dirty="0">
                <a:effectLst/>
                <a:highlight>
                  <a:srgbClr val="F9F8EC"/>
                </a:highlight>
                <a:latin typeface="Helvetica Neue"/>
              </a:rPr>
              <a:t>つでテニスの壁打ちをするようなスタイルに改造されていた。</a:t>
            </a:r>
          </a:p>
          <a:p>
            <a:pPr algn="l"/>
            <a:r>
              <a:rPr lang="ja-JP" altLang="en-US" b="0" i="0" dirty="0">
                <a:effectLst/>
                <a:highlight>
                  <a:srgbClr val="F9F8EC"/>
                </a:highlight>
                <a:latin typeface="Helvetica Neue"/>
              </a:rPr>
              <a:t>　さらにハイドロゲルがこれをプレイできるよう、電気的な刺激でボールの位置を伝え、イオンの流れでパドルを操作できるようにした。</a:t>
            </a:r>
          </a:p>
          <a:p>
            <a:pPr algn="l"/>
            <a:r>
              <a:rPr lang="ja-JP" altLang="en-US" b="0" i="0" dirty="0">
                <a:effectLst/>
                <a:highlight>
                  <a:srgbClr val="F9F8EC"/>
                </a:highlight>
                <a:latin typeface="Helvetica Neue"/>
              </a:rPr>
              <a:t>　そのうえでハイロドロゲルがミスることなく、壁打ちをどれだけ続けられるのか観察してみる。</a:t>
            </a:r>
          </a:p>
          <a:p>
            <a:pPr algn="l"/>
            <a:r>
              <a:rPr lang="ja-JP" altLang="en-US" b="0" i="0" dirty="0">
                <a:effectLst/>
                <a:highlight>
                  <a:srgbClr val="F9F8EC"/>
                </a:highlight>
                <a:latin typeface="Helvetica Neue"/>
              </a:rPr>
              <a:t>　すると段々とラリーが長く続くようになることがわかったのだ。そして</a:t>
            </a:r>
            <a:r>
              <a:rPr lang="en-US" altLang="ja-JP" b="0" i="0" dirty="0">
                <a:effectLst/>
                <a:highlight>
                  <a:srgbClr val="F9F8EC"/>
                </a:highlight>
                <a:latin typeface="Helvetica Neue"/>
              </a:rPr>
              <a:t>20</a:t>
            </a:r>
            <a:r>
              <a:rPr lang="ja-JP" altLang="en-US" b="0" i="0" dirty="0">
                <a:effectLst/>
                <a:highlight>
                  <a:srgbClr val="F9F8EC"/>
                </a:highlight>
                <a:latin typeface="Helvetica Neue"/>
              </a:rPr>
              <a:t>分もすると、そのプレイ技術が最高潮に達した。</a:t>
            </a:r>
            <a:endParaRPr lang="en-US" altLang="ja-JP" b="0" i="0" dirty="0">
              <a:effectLst/>
              <a:highlight>
                <a:srgbClr val="F9F8EC"/>
              </a:highlight>
              <a:latin typeface="Helvetica Neue"/>
            </a:endParaRPr>
          </a:p>
          <a:p>
            <a:pPr algn="l"/>
            <a:r>
              <a:rPr lang="ja-JP" altLang="en-US" b="0" i="0" dirty="0">
                <a:effectLst/>
                <a:highlight>
                  <a:srgbClr val="F9F8EC"/>
                </a:highlight>
                <a:latin typeface="Helvetica Neue"/>
              </a:rPr>
              <a:t>これについてヴィンセント・ストロング氏は、</a:t>
            </a:r>
            <a:r>
              <a:rPr lang="ja-JP" altLang="en-US" b="0" i="0" u="sng" dirty="0">
                <a:effectLst/>
                <a:highlight>
                  <a:srgbClr val="F9F8EC"/>
                </a:highlight>
                <a:latin typeface="Helvetica Neue"/>
                <a:hlinkClick r:id="rId7"/>
              </a:rPr>
              <a:t>ニュースリリース</a:t>
            </a:r>
            <a:r>
              <a:rPr lang="ja-JP" altLang="en-US" b="0" i="0" dirty="0">
                <a:effectLst/>
                <a:highlight>
                  <a:srgbClr val="F9F8EC"/>
                </a:highlight>
                <a:latin typeface="Helvetica Neue"/>
              </a:rPr>
              <a:t>で次のように説明する。</a:t>
            </a:r>
          </a:p>
          <a:p>
            <a:pPr algn="l"/>
            <a:r>
              <a:rPr lang="ja-JP" altLang="en-US" b="0" i="0" dirty="0">
                <a:effectLst/>
                <a:highlight>
                  <a:srgbClr val="F9F8EC"/>
                </a:highlight>
                <a:latin typeface="Helvetica Neue"/>
              </a:rPr>
              <a:t>　「ボールが動くと、ゲルには段々とすべての動きの記憶が蓄積されていきます。するとパドルは、シミュレーションされた環境内でそのボールに合わせて動くのです」</a:t>
            </a:r>
          </a:p>
          <a:p>
            <a:pPr algn="l"/>
            <a:br>
              <a:rPr lang="ja-JP" altLang="en-US" dirty="0">
                <a:effectLst/>
              </a:rPr>
            </a:br>
            <a:r>
              <a:rPr lang="ja-JP" altLang="en-US" b="1" i="0" dirty="0">
                <a:effectLst/>
                <a:highlight>
                  <a:srgbClr val="F9F8EC"/>
                </a:highlight>
                <a:latin typeface="Helvetica Neue"/>
              </a:rPr>
              <a:t>基本的な物質に記憶がある証拠</a:t>
            </a:r>
          </a:p>
          <a:p>
            <a:pPr algn="l"/>
            <a:r>
              <a:rPr lang="ja-JP" altLang="en-US" b="0" i="0" dirty="0">
                <a:effectLst/>
                <a:highlight>
                  <a:srgbClr val="F9F8EC"/>
                </a:highlight>
                <a:latin typeface="Helvetica Neue"/>
              </a:rPr>
              <a:t>　研究チームによれば、この結果は、特別に設計されたわけでもない基本的な物質であっても、記憶が残るものがあるという証拠であるそうだ。</a:t>
            </a:r>
          </a:p>
          <a:p>
            <a:pPr algn="l"/>
            <a:r>
              <a:rPr lang="ja-JP" altLang="en-US" b="0" i="0" dirty="0">
                <a:effectLst/>
                <a:highlight>
                  <a:srgbClr val="F9F8EC"/>
                </a:highlight>
                <a:latin typeface="Helvetica Neue"/>
              </a:rPr>
              <a:t>　これを利用すれば、シンプルな物質であっても生物や</a:t>
            </a:r>
            <a:r>
              <a:rPr lang="en-US" altLang="ja-JP" b="0" i="0" dirty="0">
                <a:effectLst/>
                <a:highlight>
                  <a:srgbClr val="F9F8EC"/>
                </a:highlight>
                <a:latin typeface="Helvetica Neue"/>
              </a:rPr>
              <a:t>AI</a:t>
            </a:r>
            <a:r>
              <a:rPr lang="ja-JP" altLang="en-US" b="0" i="0" dirty="0">
                <a:effectLst/>
                <a:highlight>
                  <a:srgbClr val="F9F8EC"/>
                </a:highlight>
                <a:latin typeface="Helvetica Neue"/>
              </a:rPr>
              <a:t>のような複雑な動作を実現できるかもしれない。</a:t>
            </a:r>
          </a:p>
          <a:p>
            <a:pPr algn="l"/>
            <a:r>
              <a:rPr lang="ja-JP" altLang="en-US" b="0" i="0" dirty="0">
                <a:effectLst/>
                <a:highlight>
                  <a:srgbClr val="F9F8EC"/>
                </a:highlight>
                <a:latin typeface="Helvetica Neue"/>
              </a:rPr>
              <a:t>　ただし、それは物質に感覚が芽生えたわけでも、記憶に基づいて意図的に行動しているわけでもないことに注意が必要だ。</a:t>
            </a:r>
          </a:p>
          <a:p>
            <a:pPr algn="l"/>
            <a:r>
              <a:rPr lang="ja-JP" altLang="en-US" b="0" i="0" dirty="0">
                <a:effectLst/>
                <a:highlight>
                  <a:srgbClr val="F9F8EC"/>
                </a:highlight>
                <a:latin typeface="Helvetica Neue"/>
              </a:rPr>
              <a:t>　むしろ、居眠りをしていて、ほっぺに袖や机のアトがつくようなものであるとのことだ。</a:t>
            </a:r>
          </a:p>
          <a:p>
            <a:pPr algn="l"/>
            <a:r>
              <a:rPr lang="ja-JP" altLang="en-US" b="0" i="0" dirty="0">
                <a:effectLst/>
                <a:highlight>
                  <a:srgbClr val="F9F8EC"/>
                </a:highlight>
                <a:latin typeface="Helvetica Neue"/>
              </a:rPr>
              <a:t>　それでも、今後の進展が楽しみな研究だ。記憶を機能させるメカニズム解明のヒントになるだろうし、これを応用した”スマート材料”の可能性を開くことになるだろう。</a:t>
            </a:r>
          </a:p>
          <a:p>
            <a:pPr algn="l"/>
            <a:r>
              <a:rPr lang="ja-JP" altLang="en-US" b="0" i="0" dirty="0">
                <a:effectLst/>
                <a:highlight>
                  <a:srgbClr val="F9F8EC"/>
                </a:highlight>
                <a:latin typeface="Helvetica Neue"/>
              </a:rPr>
              <a:t>　研究チームの次のステップは、物質の中で学習が実際に行われているかどうかを具体的に示すことであるそうだ。</a:t>
            </a:r>
          </a:p>
          <a:p>
            <a:pPr algn="l"/>
            <a:r>
              <a:rPr lang="ja-JP" altLang="en-US" b="0" i="0" dirty="0">
                <a:effectLst/>
                <a:highlight>
                  <a:srgbClr val="F9F8EC"/>
                </a:highlight>
                <a:latin typeface="Helvetica Neue"/>
              </a:rPr>
              <a:t>　この研究は</a:t>
            </a:r>
            <a:r>
              <a:rPr lang="en-US" altLang="ja-JP" b="0" i="0" dirty="0">
                <a:effectLst/>
                <a:highlight>
                  <a:srgbClr val="F9F8EC"/>
                </a:highlight>
                <a:latin typeface="Helvetica Neue"/>
              </a:rPr>
              <a:t>『</a:t>
            </a:r>
            <a:r>
              <a:rPr lang="en-US" altLang="ja-JP" b="0" i="0" u="sng" dirty="0">
                <a:effectLst/>
                <a:highlight>
                  <a:srgbClr val="F9F8EC"/>
                </a:highlight>
                <a:latin typeface="Helvetica Neue"/>
                <a:hlinkClick r:id="rId8"/>
              </a:rPr>
              <a:t>Cell Reports Physical Science</a:t>
            </a:r>
            <a:r>
              <a:rPr lang="en-US" altLang="ja-JP" b="0" i="0" dirty="0">
                <a:effectLst/>
                <a:highlight>
                  <a:srgbClr val="F9F8EC"/>
                </a:highlight>
                <a:latin typeface="Helvetica Neue"/>
              </a:rPr>
              <a:t>』</a:t>
            </a:r>
            <a:r>
              <a:rPr lang="ja-JP" altLang="en-US" b="0" i="0" dirty="0">
                <a:effectLst/>
                <a:highlight>
                  <a:srgbClr val="F9F8EC"/>
                </a:highlight>
                <a:latin typeface="Helvetica Neue"/>
              </a:rPr>
              <a:t>（</a:t>
            </a:r>
            <a:r>
              <a:rPr lang="en-US" altLang="ja-JP" b="0" i="0" dirty="0">
                <a:effectLst/>
                <a:highlight>
                  <a:srgbClr val="F9F8EC"/>
                </a:highlight>
                <a:latin typeface="Helvetica Neue"/>
              </a:rPr>
              <a:t>2024</a:t>
            </a:r>
            <a:r>
              <a:rPr lang="ja-JP" altLang="en-US" b="0" i="0" dirty="0">
                <a:effectLst/>
                <a:highlight>
                  <a:srgbClr val="F9F8EC"/>
                </a:highlight>
                <a:latin typeface="Helvetica Neue"/>
              </a:rPr>
              <a:t>年</a:t>
            </a:r>
            <a:r>
              <a:rPr lang="en-US" altLang="ja-JP" b="0" i="0" dirty="0">
                <a:effectLst/>
                <a:highlight>
                  <a:srgbClr val="F9F8EC"/>
                </a:highlight>
                <a:latin typeface="Helvetica Neue"/>
              </a:rPr>
              <a:t>8</a:t>
            </a:r>
            <a:r>
              <a:rPr lang="ja-JP" altLang="en-US" b="0" i="0" dirty="0">
                <a:effectLst/>
                <a:highlight>
                  <a:srgbClr val="F9F8EC"/>
                </a:highlight>
                <a:latin typeface="Helvetica Neue"/>
              </a:rPr>
              <a:t>月</a:t>
            </a:r>
            <a:r>
              <a:rPr lang="en-US" altLang="ja-JP" b="0" i="0" dirty="0">
                <a:effectLst/>
                <a:highlight>
                  <a:srgbClr val="F9F8EC"/>
                </a:highlight>
                <a:latin typeface="Helvetica Neue"/>
              </a:rPr>
              <a:t>22</a:t>
            </a:r>
            <a:r>
              <a:rPr lang="ja-JP" altLang="en-US" b="0" i="0" dirty="0">
                <a:effectLst/>
                <a:highlight>
                  <a:srgbClr val="F9F8EC"/>
                </a:highlight>
                <a:latin typeface="Helvetica Neue"/>
              </a:rPr>
              <a:t>日付）に掲載された。</a:t>
            </a:r>
          </a:p>
          <a:p>
            <a:pPr algn="l"/>
            <a:r>
              <a:rPr lang="en-US" altLang="ja-JP" b="0" i="0" dirty="0">
                <a:effectLst/>
                <a:highlight>
                  <a:srgbClr val="F9F8EC"/>
                </a:highlight>
                <a:latin typeface="Helvetica Neue"/>
              </a:rPr>
              <a:t>References: </a:t>
            </a:r>
            <a:r>
              <a:rPr lang="en-US" altLang="ja-JP" b="0" i="0" u="sng" dirty="0">
                <a:effectLst/>
                <a:highlight>
                  <a:srgbClr val="F9F8EC"/>
                </a:highlight>
                <a:latin typeface="Helvetica Neue"/>
                <a:hlinkClick r:id="rId7"/>
              </a:rPr>
              <a:t>Pong prodigy: Hydrogel material shows </a:t>
            </a:r>
            <a:r>
              <a:rPr lang="en-US" altLang="ja-JP" b="0" i="0" u="sng" dirty="0" err="1">
                <a:effectLst/>
                <a:highlight>
                  <a:srgbClr val="F9F8EC"/>
                </a:highlight>
                <a:latin typeface="Helvetica Neue"/>
                <a:hlinkClick r:id="rId7"/>
              </a:rPr>
              <a:t>unexpec</a:t>
            </a:r>
            <a:r>
              <a:rPr lang="en-US" altLang="ja-JP" b="0" i="0" u="sng" dirty="0">
                <a:effectLst/>
                <a:highlight>
                  <a:srgbClr val="F9F8EC"/>
                </a:highlight>
                <a:latin typeface="Helvetica Neue"/>
                <a:hlinkClick r:id="rId7"/>
              </a:rPr>
              <a:t> | </a:t>
            </a:r>
            <a:r>
              <a:rPr lang="en-US" altLang="ja-JP" b="0" i="0" u="sng" dirty="0" err="1">
                <a:effectLst/>
                <a:highlight>
                  <a:srgbClr val="F9F8EC"/>
                </a:highlight>
                <a:latin typeface="Helvetica Neue"/>
                <a:hlinkClick r:id="rId7"/>
              </a:rPr>
              <a:t>EurekAlert</a:t>
            </a:r>
            <a:r>
              <a:rPr lang="en-US" altLang="ja-JP" b="0" i="0" u="sng" dirty="0">
                <a:effectLst/>
                <a:highlight>
                  <a:srgbClr val="F9F8EC"/>
                </a:highlight>
                <a:latin typeface="Helvetica Neue"/>
                <a:hlinkClick r:id="rId7"/>
              </a:rPr>
              <a:t>!</a:t>
            </a:r>
            <a:r>
              <a:rPr lang="ja-JP" altLang="en-US" b="0" i="0" dirty="0">
                <a:effectLst/>
                <a:highlight>
                  <a:srgbClr val="F9F8EC"/>
                </a:highlight>
                <a:latin typeface="Helvetica Neue"/>
              </a:rPr>
              <a:t> </a:t>
            </a:r>
            <a:r>
              <a:rPr lang="en-US" altLang="ja-JP" b="0" i="0" dirty="0">
                <a:effectLst/>
                <a:highlight>
                  <a:srgbClr val="F9F8EC"/>
                </a:highlight>
                <a:latin typeface="Helvetica Neue"/>
              </a:rPr>
              <a:t>/ </a:t>
            </a:r>
            <a:r>
              <a:rPr lang="en-US" altLang="ja-JP" b="0" i="0" u="sng" dirty="0">
                <a:effectLst/>
                <a:highlight>
                  <a:srgbClr val="F9F8EC"/>
                </a:highlight>
                <a:latin typeface="Helvetica Neue"/>
                <a:hlinkClick r:id="rId9"/>
              </a:rPr>
              <a:t>Jelly plays Pong and gets better at with practice</a:t>
            </a:r>
            <a:endParaRPr lang="ja-JP" altLang="en-US" b="0" i="0" dirty="0">
              <a:effectLst/>
              <a:highlight>
                <a:srgbClr val="F9F8EC"/>
              </a:highlight>
              <a:latin typeface="Helvetica Neue"/>
            </a:endParaRPr>
          </a:p>
          <a:p>
            <a:endParaRPr lang="ja-JP" altLang="en-US" b="0" i="0" dirty="0">
              <a:effectLst/>
              <a:highlight>
                <a:srgbClr val="F9F8EC"/>
              </a:highlight>
              <a:latin typeface="Helvetica Neue"/>
            </a:endParaRPr>
          </a:p>
          <a:p>
            <a:endParaRPr kumimoji="1" lang="ja-JP" altLang="en-US" dirty="0"/>
          </a:p>
        </p:txBody>
      </p:sp>
      <p:sp>
        <p:nvSpPr>
          <p:cNvPr id="4" name="スライド番号プレースホルダー 3"/>
          <p:cNvSpPr>
            <a:spLocks noGrp="1"/>
          </p:cNvSpPr>
          <p:nvPr>
            <p:ph type="sldNum" sz="quarter" idx="5"/>
          </p:nvPr>
        </p:nvSpPr>
        <p:spPr/>
        <p:txBody>
          <a:bodyPr/>
          <a:lstStyle/>
          <a:p>
            <a:fld id="{5DA25C1D-8DD6-4DD5-97CC-1ECF210D8FA2}" type="slidenum">
              <a:rPr kumimoji="1" lang="ja-JP" altLang="en-US" smtClean="0"/>
              <a:t>35</a:t>
            </a:fld>
            <a:endParaRPr kumimoji="1" lang="ja-JP" altLang="en-US"/>
          </a:p>
        </p:txBody>
      </p:sp>
    </p:spTree>
    <p:extLst>
      <p:ext uri="{BB962C8B-B14F-4D97-AF65-F5344CB8AC3E}">
        <p14:creationId xmlns:p14="http://schemas.microsoft.com/office/powerpoint/2010/main" val="263611344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42A5E9CB-5F1F-B482-008E-D036BA6FF37C}"/>
              </a:ext>
            </a:extLst>
          </p:cNvPr>
          <p:cNvSpPr>
            <a:spLocks noGrp="1"/>
          </p:cNvSpPr>
          <p:nvPr>
            <p:ph type="ctrTitle"/>
          </p:nvPr>
        </p:nvSpPr>
        <p:spPr>
          <a:xfrm>
            <a:off x="1524000" y="1122363"/>
            <a:ext cx="9144000" cy="2387600"/>
          </a:xfrm>
        </p:spPr>
        <p:txBody>
          <a:bodyPr anchor="b"/>
          <a:lstStyle>
            <a:lvl1pPr algn="ctr">
              <a:defRPr sz="6000"/>
            </a:lvl1pPr>
          </a:lstStyle>
          <a:p>
            <a:r>
              <a:rPr kumimoji="1" lang="ja-JP" altLang="en-US"/>
              <a:t>マスター タイトルの書式設定</a:t>
            </a:r>
          </a:p>
        </p:txBody>
      </p:sp>
      <p:sp>
        <p:nvSpPr>
          <p:cNvPr id="3" name="字幕 2">
            <a:extLst>
              <a:ext uri="{FF2B5EF4-FFF2-40B4-BE49-F238E27FC236}">
                <a16:creationId xmlns:a16="http://schemas.microsoft.com/office/drawing/2014/main" id="{30170ABA-4A12-3A0B-0F9F-48BA47D200FF}"/>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a:t>マスター サブタイトルの書式設定</a:t>
            </a:r>
          </a:p>
        </p:txBody>
      </p:sp>
      <p:sp>
        <p:nvSpPr>
          <p:cNvPr id="4" name="日付プレースホルダー 3">
            <a:extLst>
              <a:ext uri="{FF2B5EF4-FFF2-40B4-BE49-F238E27FC236}">
                <a16:creationId xmlns:a16="http://schemas.microsoft.com/office/drawing/2014/main" id="{8A6C1B02-5221-689D-1946-1C18B73AAAE0}"/>
              </a:ext>
            </a:extLst>
          </p:cNvPr>
          <p:cNvSpPr>
            <a:spLocks noGrp="1"/>
          </p:cNvSpPr>
          <p:nvPr>
            <p:ph type="dt" sz="half" idx="10"/>
          </p:nvPr>
        </p:nvSpPr>
        <p:spPr/>
        <p:txBody>
          <a:bodyPr/>
          <a:lstStyle/>
          <a:p>
            <a:fld id="{CE6DDD2F-5A8A-4307-B00B-E82553353108}" type="datetimeFigureOut">
              <a:rPr kumimoji="1" lang="ja-JP" altLang="en-US" smtClean="0"/>
              <a:t>2025/1/6</a:t>
            </a:fld>
            <a:endParaRPr kumimoji="1" lang="ja-JP" altLang="en-US"/>
          </a:p>
        </p:txBody>
      </p:sp>
      <p:sp>
        <p:nvSpPr>
          <p:cNvPr id="5" name="フッター プレースホルダー 4">
            <a:extLst>
              <a:ext uri="{FF2B5EF4-FFF2-40B4-BE49-F238E27FC236}">
                <a16:creationId xmlns:a16="http://schemas.microsoft.com/office/drawing/2014/main" id="{9178F28F-B240-A8F4-D9E3-5107266610C3}"/>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C2BE922A-4D0D-4411-D8F5-A72658DFCF78}"/>
              </a:ext>
            </a:extLst>
          </p:cNvPr>
          <p:cNvSpPr>
            <a:spLocks noGrp="1"/>
          </p:cNvSpPr>
          <p:nvPr>
            <p:ph type="sldNum" sz="quarter" idx="12"/>
          </p:nvPr>
        </p:nvSpPr>
        <p:spPr/>
        <p:txBody>
          <a:body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338962997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FEBCA06F-4904-DD65-A8C1-5E48703750A0}"/>
              </a:ext>
            </a:extLst>
          </p:cNvPr>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a:extLst>
              <a:ext uri="{FF2B5EF4-FFF2-40B4-BE49-F238E27FC236}">
                <a16:creationId xmlns:a16="http://schemas.microsoft.com/office/drawing/2014/main" id="{D7918CA1-684E-F437-F096-736C0B37A83B}"/>
              </a:ext>
            </a:extLst>
          </p:cNvPr>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E1756C2B-F5F7-D790-9B1D-BF5C7823F36E}"/>
              </a:ext>
            </a:extLst>
          </p:cNvPr>
          <p:cNvSpPr>
            <a:spLocks noGrp="1"/>
          </p:cNvSpPr>
          <p:nvPr>
            <p:ph type="dt" sz="half" idx="10"/>
          </p:nvPr>
        </p:nvSpPr>
        <p:spPr/>
        <p:txBody>
          <a:bodyPr/>
          <a:lstStyle/>
          <a:p>
            <a:fld id="{CE6DDD2F-5A8A-4307-B00B-E82553353108}" type="datetimeFigureOut">
              <a:rPr kumimoji="1" lang="ja-JP" altLang="en-US" smtClean="0"/>
              <a:t>2025/1/6</a:t>
            </a:fld>
            <a:endParaRPr kumimoji="1" lang="ja-JP" altLang="en-US"/>
          </a:p>
        </p:txBody>
      </p:sp>
      <p:sp>
        <p:nvSpPr>
          <p:cNvPr id="5" name="フッター プレースホルダー 4">
            <a:extLst>
              <a:ext uri="{FF2B5EF4-FFF2-40B4-BE49-F238E27FC236}">
                <a16:creationId xmlns:a16="http://schemas.microsoft.com/office/drawing/2014/main" id="{AC19AC3B-67F9-6396-D7AA-B45D317502C3}"/>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EFA88BB8-77CD-4910-DC30-6A28BAF341B0}"/>
              </a:ext>
            </a:extLst>
          </p:cNvPr>
          <p:cNvSpPr>
            <a:spLocks noGrp="1"/>
          </p:cNvSpPr>
          <p:nvPr>
            <p:ph type="sldNum" sz="quarter" idx="12"/>
          </p:nvPr>
        </p:nvSpPr>
        <p:spPr/>
        <p:txBody>
          <a:body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169346081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a:extLst>
              <a:ext uri="{FF2B5EF4-FFF2-40B4-BE49-F238E27FC236}">
                <a16:creationId xmlns:a16="http://schemas.microsoft.com/office/drawing/2014/main" id="{15F67596-6858-5AC8-3B74-D3BE493D8693}"/>
              </a:ext>
            </a:extLst>
          </p:cNvPr>
          <p:cNvSpPr>
            <a:spLocks noGrp="1"/>
          </p:cNvSpPr>
          <p:nvPr>
            <p:ph type="title" orient="vert"/>
          </p:nvPr>
        </p:nvSpPr>
        <p:spPr>
          <a:xfrm>
            <a:off x="8724900" y="365125"/>
            <a:ext cx="2628900" cy="5811838"/>
          </a:xfrm>
        </p:spPr>
        <p:txBody>
          <a:bodyPr vert="eaVert"/>
          <a:lstStyle/>
          <a:p>
            <a:r>
              <a:rPr kumimoji="1" lang="ja-JP" altLang="en-US"/>
              <a:t>マスター タイトルの書式設定</a:t>
            </a:r>
          </a:p>
        </p:txBody>
      </p:sp>
      <p:sp>
        <p:nvSpPr>
          <p:cNvPr id="3" name="縦書きテキスト プレースホルダー 2">
            <a:extLst>
              <a:ext uri="{FF2B5EF4-FFF2-40B4-BE49-F238E27FC236}">
                <a16:creationId xmlns:a16="http://schemas.microsoft.com/office/drawing/2014/main" id="{31631AB5-9C40-8D7F-3F7F-88E1F9D9F461}"/>
              </a:ext>
            </a:extLst>
          </p:cNvPr>
          <p:cNvSpPr>
            <a:spLocks noGrp="1"/>
          </p:cNvSpPr>
          <p:nvPr>
            <p:ph type="body" orient="vert" idx="1"/>
          </p:nvPr>
        </p:nvSpPr>
        <p:spPr>
          <a:xfrm>
            <a:off x="838200" y="365125"/>
            <a:ext cx="7734300" cy="5811838"/>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70FFCADC-38DA-15BD-CFC2-25B018E3F53B}"/>
              </a:ext>
            </a:extLst>
          </p:cNvPr>
          <p:cNvSpPr>
            <a:spLocks noGrp="1"/>
          </p:cNvSpPr>
          <p:nvPr>
            <p:ph type="dt" sz="half" idx="10"/>
          </p:nvPr>
        </p:nvSpPr>
        <p:spPr/>
        <p:txBody>
          <a:bodyPr/>
          <a:lstStyle/>
          <a:p>
            <a:fld id="{CE6DDD2F-5A8A-4307-B00B-E82553353108}" type="datetimeFigureOut">
              <a:rPr kumimoji="1" lang="ja-JP" altLang="en-US" smtClean="0"/>
              <a:t>2025/1/6</a:t>
            </a:fld>
            <a:endParaRPr kumimoji="1" lang="ja-JP" altLang="en-US"/>
          </a:p>
        </p:txBody>
      </p:sp>
      <p:sp>
        <p:nvSpPr>
          <p:cNvPr id="5" name="フッター プレースホルダー 4">
            <a:extLst>
              <a:ext uri="{FF2B5EF4-FFF2-40B4-BE49-F238E27FC236}">
                <a16:creationId xmlns:a16="http://schemas.microsoft.com/office/drawing/2014/main" id="{2BD0043C-9E27-DE72-1E96-FE78DAA15592}"/>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CAFB957B-2857-5FC9-BA96-4047FCCA3CCC}"/>
              </a:ext>
            </a:extLst>
          </p:cNvPr>
          <p:cNvSpPr>
            <a:spLocks noGrp="1"/>
          </p:cNvSpPr>
          <p:nvPr>
            <p:ph type="sldNum" sz="quarter" idx="12"/>
          </p:nvPr>
        </p:nvSpPr>
        <p:spPr/>
        <p:txBody>
          <a:body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451359957"/>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1_タイトル スライド">
    <p:spTree>
      <p:nvGrpSpPr>
        <p:cNvPr id="1" name=""/>
        <p:cNvGrpSpPr/>
        <p:nvPr/>
      </p:nvGrpSpPr>
      <p:grpSpPr>
        <a:xfrm>
          <a:off x="0" y="0"/>
          <a:ext cx="0" cy="0"/>
          <a:chOff x="0" y="0"/>
          <a:chExt cx="0" cy="0"/>
        </a:xfrm>
      </p:grpSpPr>
    </p:spTree>
    <p:extLst>
      <p:ext uri="{BB962C8B-B14F-4D97-AF65-F5344CB8AC3E}">
        <p14:creationId xmlns:p14="http://schemas.microsoft.com/office/powerpoint/2010/main" val="220082338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DDDDDA59-D5BF-138C-8FFB-E3F43A2FFFDD}"/>
              </a:ext>
            </a:extLst>
          </p:cNvPr>
          <p:cNvSpPr>
            <a:spLocks noGrp="1"/>
          </p:cNvSpPr>
          <p:nvPr>
            <p:ph type="title"/>
          </p:nvPr>
        </p:nvSpPr>
        <p:spPr/>
        <p:txBody>
          <a:bodyPr/>
          <a:lstStyle/>
          <a:p>
            <a:r>
              <a:rPr kumimoji="1" lang="ja-JP" altLang="en-US"/>
              <a:t>マスター タイトルの書式設定</a:t>
            </a:r>
          </a:p>
        </p:txBody>
      </p:sp>
      <p:sp>
        <p:nvSpPr>
          <p:cNvPr id="3" name="コンテンツ プレースホルダー 2">
            <a:extLst>
              <a:ext uri="{FF2B5EF4-FFF2-40B4-BE49-F238E27FC236}">
                <a16:creationId xmlns:a16="http://schemas.microsoft.com/office/drawing/2014/main" id="{97BCE859-83FF-69D3-6016-69BC1C43DD9B}"/>
              </a:ext>
            </a:extLst>
          </p:cNvPr>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15C34096-42EB-EBE6-DC33-EE79EF15F72F}"/>
              </a:ext>
            </a:extLst>
          </p:cNvPr>
          <p:cNvSpPr>
            <a:spLocks noGrp="1"/>
          </p:cNvSpPr>
          <p:nvPr>
            <p:ph type="dt" sz="half" idx="10"/>
          </p:nvPr>
        </p:nvSpPr>
        <p:spPr/>
        <p:txBody>
          <a:bodyPr/>
          <a:lstStyle/>
          <a:p>
            <a:fld id="{CE6DDD2F-5A8A-4307-B00B-E82553353108}" type="datetimeFigureOut">
              <a:rPr kumimoji="1" lang="ja-JP" altLang="en-US" smtClean="0"/>
              <a:t>2025/1/6</a:t>
            </a:fld>
            <a:endParaRPr kumimoji="1" lang="ja-JP" altLang="en-US"/>
          </a:p>
        </p:txBody>
      </p:sp>
      <p:sp>
        <p:nvSpPr>
          <p:cNvPr id="5" name="フッター プレースホルダー 4">
            <a:extLst>
              <a:ext uri="{FF2B5EF4-FFF2-40B4-BE49-F238E27FC236}">
                <a16:creationId xmlns:a16="http://schemas.microsoft.com/office/drawing/2014/main" id="{B29BF875-9328-8F6E-F294-0FCE84DF097C}"/>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2C5A050B-0AA0-E4D9-101B-3D920E73FF62}"/>
              </a:ext>
            </a:extLst>
          </p:cNvPr>
          <p:cNvSpPr>
            <a:spLocks noGrp="1"/>
          </p:cNvSpPr>
          <p:nvPr>
            <p:ph type="sldNum" sz="quarter" idx="12"/>
          </p:nvPr>
        </p:nvSpPr>
        <p:spPr/>
        <p:txBody>
          <a:body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142922354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442ADCD-BD2C-B167-2A6A-20951F8ED388}"/>
              </a:ext>
            </a:extLst>
          </p:cNvPr>
          <p:cNvSpPr>
            <a:spLocks noGrp="1"/>
          </p:cNvSpPr>
          <p:nvPr>
            <p:ph type="title"/>
          </p:nvPr>
        </p:nvSpPr>
        <p:spPr>
          <a:xfrm>
            <a:off x="831850" y="1709738"/>
            <a:ext cx="10515600" cy="2852737"/>
          </a:xfrm>
        </p:spPr>
        <p:txBody>
          <a:bodyPr anchor="b"/>
          <a:lstStyle>
            <a:lvl1pPr>
              <a:defRPr sz="6000"/>
            </a:lvl1pPr>
          </a:lstStyle>
          <a:p>
            <a:r>
              <a:rPr kumimoji="1" lang="ja-JP" altLang="en-US"/>
              <a:t>マスター タイトルの書式設定</a:t>
            </a:r>
          </a:p>
        </p:txBody>
      </p:sp>
      <p:sp>
        <p:nvSpPr>
          <p:cNvPr id="3" name="テキスト プレースホルダー 2">
            <a:extLst>
              <a:ext uri="{FF2B5EF4-FFF2-40B4-BE49-F238E27FC236}">
                <a16:creationId xmlns:a16="http://schemas.microsoft.com/office/drawing/2014/main" id="{DEE3D4AC-C0F9-A1C4-F267-A3A6D3DA1184}"/>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kumimoji="1" lang="ja-JP" altLang="en-US"/>
              <a:t>マスター テキストの書式設定</a:t>
            </a:r>
          </a:p>
        </p:txBody>
      </p:sp>
      <p:sp>
        <p:nvSpPr>
          <p:cNvPr id="4" name="日付プレースホルダー 3">
            <a:extLst>
              <a:ext uri="{FF2B5EF4-FFF2-40B4-BE49-F238E27FC236}">
                <a16:creationId xmlns:a16="http://schemas.microsoft.com/office/drawing/2014/main" id="{8454F310-0E20-0ACF-F752-6F4E13FC94DB}"/>
              </a:ext>
            </a:extLst>
          </p:cNvPr>
          <p:cNvSpPr>
            <a:spLocks noGrp="1"/>
          </p:cNvSpPr>
          <p:nvPr>
            <p:ph type="dt" sz="half" idx="10"/>
          </p:nvPr>
        </p:nvSpPr>
        <p:spPr/>
        <p:txBody>
          <a:bodyPr/>
          <a:lstStyle/>
          <a:p>
            <a:fld id="{CE6DDD2F-5A8A-4307-B00B-E82553353108}" type="datetimeFigureOut">
              <a:rPr kumimoji="1" lang="ja-JP" altLang="en-US" smtClean="0"/>
              <a:t>2025/1/6</a:t>
            </a:fld>
            <a:endParaRPr kumimoji="1" lang="ja-JP" altLang="en-US"/>
          </a:p>
        </p:txBody>
      </p:sp>
      <p:sp>
        <p:nvSpPr>
          <p:cNvPr id="5" name="フッター プレースホルダー 4">
            <a:extLst>
              <a:ext uri="{FF2B5EF4-FFF2-40B4-BE49-F238E27FC236}">
                <a16:creationId xmlns:a16="http://schemas.microsoft.com/office/drawing/2014/main" id="{47A61860-3E54-1558-43E3-6C5D54E6D072}"/>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5A379C98-9647-8E03-1A54-25F2157B5687}"/>
              </a:ext>
            </a:extLst>
          </p:cNvPr>
          <p:cNvSpPr>
            <a:spLocks noGrp="1"/>
          </p:cNvSpPr>
          <p:nvPr>
            <p:ph type="sldNum" sz="quarter" idx="12"/>
          </p:nvPr>
        </p:nvSpPr>
        <p:spPr/>
        <p:txBody>
          <a:body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63234580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95F84371-0E1F-E84B-40D1-275A07A81B2C}"/>
              </a:ext>
            </a:extLst>
          </p:cNvPr>
          <p:cNvSpPr>
            <a:spLocks noGrp="1"/>
          </p:cNvSpPr>
          <p:nvPr>
            <p:ph type="title"/>
          </p:nvPr>
        </p:nvSpPr>
        <p:spPr/>
        <p:txBody>
          <a:bodyPr/>
          <a:lstStyle/>
          <a:p>
            <a:r>
              <a:rPr kumimoji="1" lang="ja-JP" altLang="en-US"/>
              <a:t>マスター タイトルの書式設定</a:t>
            </a:r>
          </a:p>
        </p:txBody>
      </p:sp>
      <p:sp>
        <p:nvSpPr>
          <p:cNvPr id="3" name="コンテンツ プレースホルダー 2">
            <a:extLst>
              <a:ext uri="{FF2B5EF4-FFF2-40B4-BE49-F238E27FC236}">
                <a16:creationId xmlns:a16="http://schemas.microsoft.com/office/drawing/2014/main" id="{FD03D558-981D-FB10-126F-F00C1258FECE}"/>
              </a:ext>
            </a:extLst>
          </p:cNvPr>
          <p:cNvSpPr>
            <a:spLocks noGrp="1"/>
          </p:cNvSpPr>
          <p:nvPr>
            <p:ph sz="half" idx="1"/>
          </p:nvPr>
        </p:nvSpPr>
        <p:spPr>
          <a:xfrm>
            <a:off x="838200" y="1825625"/>
            <a:ext cx="518160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a:extLst>
              <a:ext uri="{FF2B5EF4-FFF2-40B4-BE49-F238E27FC236}">
                <a16:creationId xmlns:a16="http://schemas.microsoft.com/office/drawing/2014/main" id="{218BE06C-57F7-AA51-5E8A-695684AAE501}"/>
              </a:ext>
            </a:extLst>
          </p:cNvPr>
          <p:cNvSpPr>
            <a:spLocks noGrp="1"/>
          </p:cNvSpPr>
          <p:nvPr>
            <p:ph sz="half" idx="2"/>
          </p:nvPr>
        </p:nvSpPr>
        <p:spPr>
          <a:xfrm>
            <a:off x="6172200" y="1825625"/>
            <a:ext cx="518160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a:extLst>
              <a:ext uri="{FF2B5EF4-FFF2-40B4-BE49-F238E27FC236}">
                <a16:creationId xmlns:a16="http://schemas.microsoft.com/office/drawing/2014/main" id="{C6D6F3A2-2626-683F-8CB6-C92769303FF1}"/>
              </a:ext>
            </a:extLst>
          </p:cNvPr>
          <p:cNvSpPr>
            <a:spLocks noGrp="1"/>
          </p:cNvSpPr>
          <p:nvPr>
            <p:ph type="dt" sz="half" idx="10"/>
          </p:nvPr>
        </p:nvSpPr>
        <p:spPr/>
        <p:txBody>
          <a:bodyPr/>
          <a:lstStyle/>
          <a:p>
            <a:fld id="{CE6DDD2F-5A8A-4307-B00B-E82553353108}" type="datetimeFigureOut">
              <a:rPr kumimoji="1" lang="ja-JP" altLang="en-US" smtClean="0"/>
              <a:t>2025/1/6</a:t>
            </a:fld>
            <a:endParaRPr kumimoji="1" lang="ja-JP" altLang="en-US"/>
          </a:p>
        </p:txBody>
      </p:sp>
      <p:sp>
        <p:nvSpPr>
          <p:cNvPr id="6" name="フッター プレースホルダー 5">
            <a:extLst>
              <a:ext uri="{FF2B5EF4-FFF2-40B4-BE49-F238E27FC236}">
                <a16:creationId xmlns:a16="http://schemas.microsoft.com/office/drawing/2014/main" id="{7C0C0F12-F5FB-AB6D-A5F5-F36046A3F74F}"/>
              </a:ext>
            </a:extLst>
          </p:cNvPr>
          <p:cNvSpPr>
            <a:spLocks noGrp="1"/>
          </p:cNvSpPr>
          <p:nvPr>
            <p:ph type="ftr" sz="quarter" idx="11"/>
          </p:nvPr>
        </p:nvSpPr>
        <p:spPr/>
        <p:txBody>
          <a:bodyPr/>
          <a:lstStyle/>
          <a:p>
            <a:endParaRPr kumimoji="1" lang="ja-JP" altLang="en-US"/>
          </a:p>
        </p:txBody>
      </p:sp>
      <p:sp>
        <p:nvSpPr>
          <p:cNvPr id="7" name="スライド番号プレースホルダー 6">
            <a:extLst>
              <a:ext uri="{FF2B5EF4-FFF2-40B4-BE49-F238E27FC236}">
                <a16:creationId xmlns:a16="http://schemas.microsoft.com/office/drawing/2014/main" id="{9BCB16E2-42B0-EBE9-EF9D-A62083DE247D}"/>
              </a:ext>
            </a:extLst>
          </p:cNvPr>
          <p:cNvSpPr>
            <a:spLocks noGrp="1"/>
          </p:cNvSpPr>
          <p:nvPr>
            <p:ph type="sldNum" sz="quarter" idx="12"/>
          </p:nvPr>
        </p:nvSpPr>
        <p:spPr/>
        <p:txBody>
          <a:body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355569999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62B9FDD-F8DC-E2C5-DA60-707967F449A3}"/>
              </a:ext>
            </a:extLst>
          </p:cNvPr>
          <p:cNvSpPr>
            <a:spLocks noGrp="1"/>
          </p:cNvSpPr>
          <p:nvPr>
            <p:ph type="title"/>
          </p:nvPr>
        </p:nvSpPr>
        <p:spPr>
          <a:xfrm>
            <a:off x="839788" y="365125"/>
            <a:ext cx="10515600" cy="1325563"/>
          </a:xfrm>
        </p:spPr>
        <p:txBody>
          <a:bodyPr/>
          <a:lstStyle/>
          <a:p>
            <a:r>
              <a:rPr kumimoji="1" lang="ja-JP" altLang="en-US"/>
              <a:t>マスター タイトルの書式設定</a:t>
            </a:r>
          </a:p>
        </p:txBody>
      </p:sp>
      <p:sp>
        <p:nvSpPr>
          <p:cNvPr id="3" name="テキスト プレースホルダー 2">
            <a:extLst>
              <a:ext uri="{FF2B5EF4-FFF2-40B4-BE49-F238E27FC236}">
                <a16:creationId xmlns:a16="http://schemas.microsoft.com/office/drawing/2014/main" id="{0F3315E2-F134-2C57-8651-C426BE932F99}"/>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4" name="コンテンツ プレースホルダー 3">
            <a:extLst>
              <a:ext uri="{FF2B5EF4-FFF2-40B4-BE49-F238E27FC236}">
                <a16:creationId xmlns:a16="http://schemas.microsoft.com/office/drawing/2014/main" id="{C6A1AA76-6702-A737-91D9-C21E4DFFC103}"/>
              </a:ext>
            </a:extLst>
          </p:cNvPr>
          <p:cNvSpPr>
            <a:spLocks noGrp="1"/>
          </p:cNvSpPr>
          <p:nvPr>
            <p:ph sz="half" idx="2"/>
          </p:nvPr>
        </p:nvSpPr>
        <p:spPr>
          <a:xfrm>
            <a:off x="839788" y="2505075"/>
            <a:ext cx="5157787"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a:extLst>
              <a:ext uri="{FF2B5EF4-FFF2-40B4-BE49-F238E27FC236}">
                <a16:creationId xmlns:a16="http://schemas.microsoft.com/office/drawing/2014/main" id="{BA1D8B9F-A35C-24B6-B821-DCAF27058C43}"/>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6" name="コンテンツ プレースホルダー 5">
            <a:extLst>
              <a:ext uri="{FF2B5EF4-FFF2-40B4-BE49-F238E27FC236}">
                <a16:creationId xmlns:a16="http://schemas.microsoft.com/office/drawing/2014/main" id="{B1FFB803-92F4-BF43-2B23-7838BE7D95F9}"/>
              </a:ext>
            </a:extLst>
          </p:cNvPr>
          <p:cNvSpPr>
            <a:spLocks noGrp="1"/>
          </p:cNvSpPr>
          <p:nvPr>
            <p:ph sz="quarter" idx="4"/>
          </p:nvPr>
        </p:nvSpPr>
        <p:spPr>
          <a:xfrm>
            <a:off x="6172200" y="2505075"/>
            <a:ext cx="5183188"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a:extLst>
              <a:ext uri="{FF2B5EF4-FFF2-40B4-BE49-F238E27FC236}">
                <a16:creationId xmlns:a16="http://schemas.microsoft.com/office/drawing/2014/main" id="{134CA077-18F4-394C-0C31-04E1C5A675FF}"/>
              </a:ext>
            </a:extLst>
          </p:cNvPr>
          <p:cNvSpPr>
            <a:spLocks noGrp="1"/>
          </p:cNvSpPr>
          <p:nvPr>
            <p:ph type="dt" sz="half" idx="10"/>
          </p:nvPr>
        </p:nvSpPr>
        <p:spPr/>
        <p:txBody>
          <a:bodyPr/>
          <a:lstStyle/>
          <a:p>
            <a:fld id="{CE6DDD2F-5A8A-4307-B00B-E82553353108}" type="datetimeFigureOut">
              <a:rPr kumimoji="1" lang="ja-JP" altLang="en-US" smtClean="0"/>
              <a:t>2025/1/6</a:t>
            </a:fld>
            <a:endParaRPr kumimoji="1" lang="ja-JP" altLang="en-US"/>
          </a:p>
        </p:txBody>
      </p:sp>
      <p:sp>
        <p:nvSpPr>
          <p:cNvPr id="8" name="フッター プレースホルダー 7">
            <a:extLst>
              <a:ext uri="{FF2B5EF4-FFF2-40B4-BE49-F238E27FC236}">
                <a16:creationId xmlns:a16="http://schemas.microsoft.com/office/drawing/2014/main" id="{124220D4-4B69-455D-4609-6428C9E1A077}"/>
              </a:ext>
            </a:extLst>
          </p:cNvPr>
          <p:cNvSpPr>
            <a:spLocks noGrp="1"/>
          </p:cNvSpPr>
          <p:nvPr>
            <p:ph type="ftr" sz="quarter" idx="11"/>
          </p:nvPr>
        </p:nvSpPr>
        <p:spPr/>
        <p:txBody>
          <a:bodyPr/>
          <a:lstStyle/>
          <a:p>
            <a:endParaRPr kumimoji="1" lang="ja-JP" altLang="en-US"/>
          </a:p>
        </p:txBody>
      </p:sp>
      <p:sp>
        <p:nvSpPr>
          <p:cNvPr id="9" name="スライド番号プレースホルダー 8">
            <a:extLst>
              <a:ext uri="{FF2B5EF4-FFF2-40B4-BE49-F238E27FC236}">
                <a16:creationId xmlns:a16="http://schemas.microsoft.com/office/drawing/2014/main" id="{5AAFEE9F-9FB0-D970-6DC2-B1CD2D0E82B5}"/>
              </a:ext>
            </a:extLst>
          </p:cNvPr>
          <p:cNvSpPr>
            <a:spLocks noGrp="1"/>
          </p:cNvSpPr>
          <p:nvPr>
            <p:ph type="sldNum" sz="quarter" idx="12"/>
          </p:nvPr>
        </p:nvSpPr>
        <p:spPr/>
        <p:txBody>
          <a:body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214177384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663DB968-4B6C-98D8-6651-83CB6C29035E}"/>
              </a:ext>
            </a:extLst>
          </p:cNvPr>
          <p:cNvSpPr>
            <a:spLocks noGrp="1"/>
          </p:cNvSpPr>
          <p:nvPr>
            <p:ph type="title"/>
          </p:nvPr>
        </p:nvSpPr>
        <p:spPr/>
        <p:txBody>
          <a:bodyPr/>
          <a:lstStyle/>
          <a:p>
            <a:r>
              <a:rPr kumimoji="1" lang="ja-JP" altLang="en-US"/>
              <a:t>マスター タイトルの書式設定</a:t>
            </a:r>
          </a:p>
        </p:txBody>
      </p:sp>
      <p:sp>
        <p:nvSpPr>
          <p:cNvPr id="3" name="日付プレースホルダー 2">
            <a:extLst>
              <a:ext uri="{FF2B5EF4-FFF2-40B4-BE49-F238E27FC236}">
                <a16:creationId xmlns:a16="http://schemas.microsoft.com/office/drawing/2014/main" id="{9AF2F90F-65A6-9B87-9D4A-033C09EC0A74}"/>
              </a:ext>
            </a:extLst>
          </p:cNvPr>
          <p:cNvSpPr>
            <a:spLocks noGrp="1"/>
          </p:cNvSpPr>
          <p:nvPr>
            <p:ph type="dt" sz="half" idx="10"/>
          </p:nvPr>
        </p:nvSpPr>
        <p:spPr/>
        <p:txBody>
          <a:bodyPr/>
          <a:lstStyle/>
          <a:p>
            <a:fld id="{CE6DDD2F-5A8A-4307-B00B-E82553353108}" type="datetimeFigureOut">
              <a:rPr kumimoji="1" lang="ja-JP" altLang="en-US" smtClean="0"/>
              <a:t>2025/1/6</a:t>
            </a:fld>
            <a:endParaRPr kumimoji="1" lang="ja-JP" altLang="en-US"/>
          </a:p>
        </p:txBody>
      </p:sp>
      <p:sp>
        <p:nvSpPr>
          <p:cNvPr id="4" name="フッター プレースホルダー 3">
            <a:extLst>
              <a:ext uri="{FF2B5EF4-FFF2-40B4-BE49-F238E27FC236}">
                <a16:creationId xmlns:a16="http://schemas.microsoft.com/office/drawing/2014/main" id="{681EC31A-CE1B-2414-5E67-A20844DB8711}"/>
              </a:ext>
            </a:extLst>
          </p:cNvPr>
          <p:cNvSpPr>
            <a:spLocks noGrp="1"/>
          </p:cNvSpPr>
          <p:nvPr>
            <p:ph type="ftr" sz="quarter" idx="11"/>
          </p:nvPr>
        </p:nvSpPr>
        <p:spPr/>
        <p:txBody>
          <a:bodyPr/>
          <a:lstStyle/>
          <a:p>
            <a:endParaRPr kumimoji="1" lang="ja-JP" altLang="en-US"/>
          </a:p>
        </p:txBody>
      </p:sp>
      <p:sp>
        <p:nvSpPr>
          <p:cNvPr id="5" name="スライド番号プレースホルダー 4">
            <a:extLst>
              <a:ext uri="{FF2B5EF4-FFF2-40B4-BE49-F238E27FC236}">
                <a16:creationId xmlns:a16="http://schemas.microsoft.com/office/drawing/2014/main" id="{56C01635-C9A5-7411-5C2A-B07BF9720009}"/>
              </a:ext>
            </a:extLst>
          </p:cNvPr>
          <p:cNvSpPr>
            <a:spLocks noGrp="1"/>
          </p:cNvSpPr>
          <p:nvPr>
            <p:ph type="sldNum" sz="quarter" idx="12"/>
          </p:nvPr>
        </p:nvSpPr>
        <p:spPr/>
        <p:txBody>
          <a:body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292646661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a:extLst>
              <a:ext uri="{FF2B5EF4-FFF2-40B4-BE49-F238E27FC236}">
                <a16:creationId xmlns:a16="http://schemas.microsoft.com/office/drawing/2014/main" id="{B98F36E8-8308-6170-1954-4B7469797B56}"/>
              </a:ext>
            </a:extLst>
          </p:cNvPr>
          <p:cNvSpPr>
            <a:spLocks noGrp="1"/>
          </p:cNvSpPr>
          <p:nvPr>
            <p:ph type="dt" sz="half" idx="10"/>
          </p:nvPr>
        </p:nvSpPr>
        <p:spPr/>
        <p:txBody>
          <a:bodyPr/>
          <a:lstStyle/>
          <a:p>
            <a:fld id="{CE6DDD2F-5A8A-4307-B00B-E82553353108}" type="datetimeFigureOut">
              <a:rPr kumimoji="1" lang="ja-JP" altLang="en-US" smtClean="0"/>
              <a:t>2025/1/6</a:t>
            </a:fld>
            <a:endParaRPr kumimoji="1" lang="ja-JP" altLang="en-US"/>
          </a:p>
        </p:txBody>
      </p:sp>
      <p:sp>
        <p:nvSpPr>
          <p:cNvPr id="3" name="フッター プレースホルダー 2">
            <a:extLst>
              <a:ext uri="{FF2B5EF4-FFF2-40B4-BE49-F238E27FC236}">
                <a16:creationId xmlns:a16="http://schemas.microsoft.com/office/drawing/2014/main" id="{BF76EA9E-C584-5A90-C962-4B25C0A62B73}"/>
              </a:ext>
            </a:extLst>
          </p:cNvPr>
          <p:cNvSpPr>
            <a:spLocks noGrp="1"/>
          </p:cNvSpPr>
          <p:nvPr>
            <p:ph type="ftr" sz="quarter" idx="11"/>
          </p:nvPr>
        </p:nvSpPr>
        <p:spPr/>
        <p:txBody>
          <a:bodyPr/>
          <a:lstStyle/>
          <a:p>
            <a:endParaRPr kumimoji="1" lang="ja-JP" altLang="en-US"/>
          </a:p>
        </p:txBody>
      </p:sp>
      <p:sp>
        <p:nvSpPr>
          <p:cNvPr id="4" name="スライド番号プレースホルダー 3">
            <a:extLst>
              <a:ext uri="{FF2B5EF4-FFF2-40B4-BE49-F238E27FC236}">
                <a16:creationId xmlns:a16="http://schemas.microsoft.com/office/drawing/2014/main" id="{A46F2BC3-524D-9BFE-D87D-7FD2E3D0BC09}"/>
              </a:ext>
            </a:extLst>
          </p:cNvPr>
          <p:cNvSpPr>
            <a:spLocks noGrp="1"/>
          </p:cNvSpPr>
          <p:nvPr>
            <p:ph type="sldNum" sz="quarter" idx="12"/>
          </p:nvPr>
        </p:nvSpPr>
        <p:spPr/>
        <p:txBody>
          <a:body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419513940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D5D47D9-CCB9-52B8-B9B0-7D18AB41E254}"/>
              </a:ext>
            </a:extLst>
          </p:cNvPr>
          <p:cNvSpPr>
            <a:spLocks noGrp="1"/>
          </p:cNvSpPr>
          <p:nvPr>
            <p:ph type="title"/>
          </p:nvPr>
        </p:nvSpPr>
        <p:spPr>
          <a:xfrm>
            <a:off x="839788" y="457200"/>
            <a:ext cx="3932237" cy="1600200"/>
          </a:xfrm>
        </p:spPr>
        <p:txBody>
          <a:bodyPr anchor="b"/>
          <a:lstStyle>
            <a:lvl1pPr>
              <a:defRPr sz="3200"/>
            </a:lvl1pPr>
          </a:lstStyle>
          <a:p>
            <a:r>
              <a:rPr kumimoji="1" lang="ja-JP" altLang="en-US"/>
              <a:t>マスター タイトルの書式設定</a:t>
            </a:r>
          </a:p>
        </p:txBody>
      </p:sp>
      <p:sp>
        <p:nvSpPr>
          <p:cNvPr id="3" name="コンテンツ プレースホルダー 2">
            <a:extLst>
              <a:ext uri="{FF2B5EF4-FFF2-40B4-BE49-F238E27FC236}">
                <a16:creationId xmlns:a16="http://schemas.microsoft.com/office/drawing/2014/main" id="{FA0A72EB-C574-B2E4-0F45-6458AA4AFA8E}"/>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a:extLst>
              <a:ext uri="{FF2B5EF4-FFF2-40B4-BE49-F238E27FC236}">
                <a16:creationId xmlns:a16="http://schemas.microsoft.com/office/drawing/2014/main" id="{983B6BDA-CA1E-C5B7-106D-A2A790A4766A}"/>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a:t>マスター テキストの書式設定</a:t>
            </a:r>
          </a:p>
        </p:txBody>
      </p:sp>
      <p:sp>
        <p:nvSpPr>
          <p:cNvPr id="5" name="日付プレースホルダー 4">
            <a:extLst>
              <a:ext uri="{FF2B5EF4-FFF2-40B4-BE49-F238E27FC236}">
                <a16:creationId xmlns:a16="http://schemas.microsoft.com/office/drawing/2014/main" id="{42CEBF25-6B5A-35A9-8C06-BE7AF5877A90}"/>
              </a:ext>
            </a:extLst>
          </p:cNvPr>
          <p:cNvSpPr>
            <a:spLocks noGrp="1"/>
          </p:cNvSpPr>
          <p:nvPr>
            <p:ph type="dt" sz="half" idx="10"/>
          </p:nvPr>
        </p:nvSpPr>
        <p:spPr/>
        <p:txBody>
          <a:bodyPr/>
          <a:lstStyle/>
          <a:p>
            <a:fld id="{CE6DDD2F-5A8A-4307-B00B-E82553353108}" type="datetimeFigureOut">
              <a:rPr kumimoji="1" lang="ja-JP" altLang="en-US" smtClean="0"/>
              <a:t>2025/1/6</a:t>
            </a:fld>
            <a:endParaRPr kumimoji="1" lang="ja-JP" altLang="en-US"/>
          </a:p>
        </p:txBody>
      </p:sp>
      <p:sp>
        <p:nvSpPr>
          <p:cNvPr id="6" name="フッター プレースホルダー 5">
            <a:extLst>
              <a:ext uri="{FF2B5EF4-FFF2-40B4-BE49-F238E27FC236}">
                <a16:creationId xmlns:a16="http://schemas.microsoft.com/office/drawing/2014/main" id="{6D086766-A233-4102-FFCA-88BD3C2D5A73}"/>
              </a:ext>
            </a:extLst>
          </p:cNvPr>
          <p:cNvSpPr>
            <a:spLocks noGrp="1"/>
          </p:cNvSpPr>
          <p:nvPr>
            <p:ph type="ftr" sz="quarter" idx="11"/>
          </p:nvPr>
        </p:nvSpPr>
        <p:spPr/>
        <p:txBody>
          <a:bodyPr/>
          <a:lstStyle/>
          <a:p>
            <a:endParaRPr kumimoji="1" lang="ja-JP" altLang="en-US"/>
          </a:p>
        </p:txBody>
      </p:sp>
      <p:sp>
        <p:nvSpPr>
          <p:cNvPr id="7" name="スライド番号プレースホルダー 6">
            <a:extLst>
              <a:ext uri="{FF2B5EF4-FFF2-40B4-BE49-F238E27FC236}">
                <a16:creationId xmlns:a16="http://schemas.microsoft.com/office/drawing/2014/main" id="{BDDBEA40-3839-D185-4219-34C5AB9CF260}"/>
              </a:ext>
            </a:extLst>
          </p:cNvPr>
          <p:cNvSpPr>
            <a:spLocks noGrp="1"/>
          </p:cNvSpPr>
          <p:nvPr>
            <p:ph type="sldNum" sz="quarter" idx="12"/>
          </p:nvPr>
        </p:nvSpPr>
        <p:spPr/>
        <p:txBody>
          <a:body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86866156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DB90ED41-F563-A075-7428-B343F0BA90F4}"/>
              </a:ext>
            </a:extLst>
          </p:cNvPr>
          <p:cNvSpPr>
            <a:spLocks noGrp="1"/>
          </p:cNvSpPr>
          <p:nvPr>
            <p:ph type="title"/>
          </p:nvPr>
        </p:nvSpPr>
        <p:spPr>
          <a:xfrm>
            <a:off x="839788" y="457200"/>
            <a:ext cx="3932237" cy="1600200"/>
          </a:xfrm>
        </p:spPr>
        <p:txBody>
          <a:bodyPr anchor="b"/>
          <a:lstStyle>
            <a:lvl1pPr>
              <a:defRPr sz="3200"/>
            </a:lvl1pPr>
          </a:lstStyle>
          <a:p>
            <a:r>
              <a:rPr kumimoji="1" lang="ja-JP" altLang="en-US"/>
              <a:t>マスター タイトルの書式設定</a:t>
            </a:r>
          </a:p>
        </p:txBody>
      </p:sp>
      <p:sp>
        <p:nvSpPr>
          <p:cNvPr id="3" name="図プレースホルダー 2">
            <a:extLst>
              <a:ext uri="{FF2B5EF4-FFF2-40B4-BE49-F238E27FC236}">
                <a16:creationId xmlns:a16="http://schemas.microsoft.com/office/drawing/2014/main" id="{712905A4-B353-D1C0-B7E6-35DAB4CFDA5B}"/>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a:extLst>
              <a:ext uri="{FF2B5EF4-FFF2-40B4-BE49-F238E27FC236}">
                <a16:creationId xmlns:a16="http://schemas.microsoft.com/office/drawing/2014/main" id="{F9183323-27BB-856E-C312-5A9658F2F783}"/>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a:t>マスター テキストの書式設定</a:t>
            </a:r>
          </a:p>
        </p:txBody>
      </p:sp>
      <p:sp>
        <p:nvSpPr>
          <p:cNvPr id="5" name="日付プレースホルダー 4">
            <a:extLst>
              <a:ext uri="{FF2B5EF4-FFF2-40B4-BE49-F238E27FC236}">
                <a16:creationId xmlns:a16="http://schemas.microsoft.com/office/drawing/2014/main" id="{C63107B2-D0D9-CEEE-3A80-DBCD5F8EC819}"/>
              </a:ext>
            </a:extLst>
          </p:cNvPr>
          <p:cNvSpPr>
            <a:spLocks noGrp="1"/>
          </p:cNvSpPr>
          <p:nvPr>
            <p:ph type="dt" sz="half" idx="10"/>
          </p:nvPr>
        </p:nvSpPr>
        <p:spPr/>
        <p:txBody>
          <a:bodyPr/>
          <a:lstStyle/>
          <a:p>
            <a:fld id="{CE6DDD2F-5A8A-4307-B00B-E82553353108}" type="datetimeFigureOut">
              <a:rPr kumimoji="1" lang="ja-JP" altLang="en-US" smtClean="0"/>
              <a:t>2025/1/6</a:t>
            </a:fld>
            <a:endParaRPr kumimoji="1" lang="ja-JP" altLang="en-US"/>
          </a:p>
        </p:txBody>
      </p:sp>
      <p:sp>
        <p:nvSpPr>
          <p:cNvPr id="6" name="フッター プレースホルダー 5">
            <a:extLst>
              <a:ext uri="{FF2B5EF4-FFF2-40B4-BE49-F238E27FC236}">
                <a16:creationId xmlns:a16="http://schemas.microsoft.com/office/drawing/2014/main" id="{E0D99677-2A02-ABC5-D93A-1C8743AAADE6}"/>
              </a:ext>
            </a:extLst>
          </p:cNvPr>
          <p:cNvSpPr>
            <a:spLocks noGrp="1"/>
          </p:cNvSpPr>
          <p:nvPr>
            <p:ph type="ftr" sz="quarter" idx="11"/>
          </p:nvPr>
        </p:nvSpPr>
        <p:spPr/>
        <p:txBody>
          <a:bodyPr/>
          <a:lstStyle/>
          <a:p>
            <a:endParaRPr kumimoji="1" lang="ja-JP" altLang="en-US"/>
          </a:p>
        </p:txBody>
      </p:sp>
      <p:sp>
        <p:nvSpPr>
          <p:cNvPr id="7" name="スライド番号プレースホルダー 6">
            <a:extLst>
              <a:ext uri="{FF2B5EF4-FFF2-40B4-BE49-F238E27FC236}">
                <a16:creationId xmlns:a16="http://schemas.microsoft.com/office/drawing/2014/main" id="{AF001C0D-CD69-0D62-A474-3AA652B0AC8A}"/>
              </a:ext>
            </a:extLst>
          </p:cNvPr>
          <p:cNvSpPr>
            <a:spLocks noGrp="1"/>
          </p:cNvSpPr>
          <p:nvPr>
            <p:ph type="sldNum" sz="quarter" idx="12"/>
          </p:nvPr>
        </p:nvSpPr>
        <p:spPr/>
        <p:txBody>
          <a:body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979822454"/>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a:extLst>
              <a:ext uri="{FF2B5EF4-FFF2-40B4-BE49-F238E27FC236}">
                <a16:creationId xmlns:a16="http://schemas.microsoft.com/office/drawing/2014/main" id="{04430291-59C3-3D8C-0744-074A085FFD3D}"/>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a:extLst>
              <a:ext uri="{FF2B5EF4-FFF2-40B4-BE49-F238E27FC236}">
                <a16:creationId xmlns:a16="http://schemas.microsoft.com/office/drawing/2014/main" id="{17659C23-02EC-8A56-39C0-8ED176DD7503}"/>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C7726F05-AF11-284D-4843-BE9FFEB6472B}"/>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E6DDD2F-5A8A-4307-B00B-E82553353108}" type="datetimeFigureOut">
              <a:rPr kumimoji="1" lang="ja-JP" altLang="en-US" smtClean="0"/>
              <a:t>2025/1/6</a:t>
            </a:fld>
            <a:endParaRPr kumimoji="1" lang="ja-JP" altLang="en-US"/>
          </a:p>
        </p:txBody>
      </p:sp>
      <p:sp>
        <p:nvSpPr>
          <p:cNvPr id="5" name="フッター プレースホルダー 4">
            <a:extLst>
              <a:ext uri="{FF2B5EF4-FFF2-40B4-BE49-F238E27FC236}">
                <a16:creationId xmlns:a16="http://schemas.microsoft.com/office/drawing/2014/main" id="{BD89E9BA-D087-886D-CFC3-E5BAE4A27D54}"/>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a:extLst>
              <a:ext uri="{FF2B5EF4-FFF2-40B4-BE49-F238E27FC236}">
                <a16:creationId xmlns:a16="http://schemas.microsoft.com/office/drawing/2014/main" id="{E40F35BC-4F37-1039-460D-0314837BEDBF}"/>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EDDCA6E-16D4-4AC4-A9F1-43990DB66D00}" type="slidenum">
              <a:rPr kumimoji="1" lang="ja-JP" altLang="en-US" smtClean="0"/>
              <a:t>‹#›</a:t>
            </a:fld>
            <a:endParaRPr kumimoji="1" lang="ja-JP" altLang="en-US"/>
          </a:p>
        </p:txBody>
      </p:sp>
    </p:spTree>
    <p:extLst>
      <p:ext uri="{BB962C8B-B14F-4D97-AF65-F5344CB8AC3E}">
        <p14:creationId xmlns:p14="http://schemas.microsoft.com/office/powerpoint/2010/main" val="1309727226"/>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2.png"/></Relationships>
</file>

<file path=ppt/slides/_rels/slide10.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2.png"/><Relationship Id="rId1" Type="http://schemas.openxmlformats.org/officeDocument/2006/relationships/slideLayout" Target="../slideLayouts/slideLayout2.xml"/><Relationship Id="rId5" Type="http://schemas.openxmlformats.org/officeDocument/2006/relationships/image" Target="../media/image15.png"/><Relationship Id="rId4" Type="http://schemas.openxmlformats.org/officeDocument/2006/relationships/image" Target="../media/image14.png"/></Relationships>
</file>

<file path=ppt/slides/_rels/slide11.xml.rels><?xml version="1.0" encoding="UTF-8" standalone="yes"?>
<Relationships xmlns="http://schemas.openxmlformats.org/package/2006/relationships"><Relationship Id="rId2" Type="http://schemas.openxmlformats.org/officeDocument/2006/relationships/image" Target="../media/image16.jpe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2" Type="http://schemas.openxmlformats.org/officeDocument/2006/relationships/image" Target="../media/image17.jpe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2.xml"/><Relationship Id="rId5" Type="http://schemas.openxmlformats.org/officeDocument/2006/relationships/image" Target="../media/image21.png"/><Relationship Id="rId4" Type="http://schemas.openxmlformats.org/officeDocument/2006/relationships/image" Target="../media/image20.png"/></Relationships>
</file>

<file path=ppt/slides/_rels/slide16.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png"/><Relationship Id="rId1" Type="http://schemas.openxmlformats.org/officeDocument/2006/relationships/slideLayout" Target="../slideLayouts/slideLayout2.xml"/><Relationship Id="rId6" Type="http://schemas.openxmlformats.org/officeDocument/2006/relationships/image" Target="../media/image26.png"/><Relationship Id="rId5" Type="http://schemas.openxmlformats.org/officeDocument/2006/relationships/image" Target="../media/image25.png"/><Relationship Id="rId4" Type="http://schemas.openxmlformats.org/officeDocument/2006/relationships/image" Target="../media/image24.pn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29.jpg"/><Relationship Id="rId7" Type="http://schemas.openxmlformats.org/officeDocument/2006/relationships/image" Target="../media/image33.jpg"/><Relationship Id="rId2" Type="http://schemas.openxmlformats.org/officeDocument/2006/relationships/image" Target="../media/image28.png"/><Relationship Id="rId1" Type="http://schemas.openxmlformats.org/officeDocument/2006/relationships/slideLayout" Target="../slideLayouts/slideLayout2.xml"/><Relationship Id="rId6" Type="http://schemas.openxmlformats.org/officeDocument/2006/relationships/image" Target="../media/image32.png"/><Relationship Id="rId5" Type="http://schemas.openxmlformats.org/officeDocument/2006/relationships/image" Target="../media/image31.jpg"/><Relationship Id="rId4" Type="http://schemas.openxmlformats.org/officeDocument/2006/relationships/image" Target="../media/image30.png"/></Relationships>
</file>

<file path=ppt/slides/_rels/slide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2.xml"/><Relationship Id="rId1" Type="http://schemas.openxmlformats.org/officeDocument/2006/relationships/slideLayout" Target="../slideLayouts/slideLayout12.xml"/><Relationship Id="rId4" Type="http://schemas.openxmlformats.org/officeDocument/2006/relationships/image" Target="../media/image4.png"/></Relationships>
</file>

<file path=ppt/slides/_rels/slide20.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4.png"/><Relationship Id="rId1" Type="http://schemas.openxmlformats.org/officeDocument/2006/relationships/slideLayout" Target="../slideLayouts/slideLayout2.xml"/><Relationship Id="rId6" Type="http://schemas.openxmlformats.org/officeDocument/2006/relationships/image" Target="../media/image7.png"/><Relationship Id="rId5" Type="http://schemas.openxmlformats.org/officeDocument/2006/relationships/image" Target="../media/image37.png"/><Relationship Id="rId4" Type="http://schemas.openxmlformats.org/officeDocument/2006/relationships/image" Target="../media/image36.png"/></Relationships>
</file>

<file path=ppt/slides/_rels/slide21.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image" Target="../media/image38.png"/><Relationship Id="rId1" Type="http://schemas.openxmlformats.org/officeDocument/2006/relationships/slideLayout" Target="../slideLayouts/slideLayout2.xml"/><Relationship Id="rId6" Type="http://schemas.openxmlformats.org/officeDocument/2006/relationships/image" Target="../media/image42.png"/><Relationship Id="rId5" Type="http://schemas.openxmlformats.org/officeDocument/2006/relationships/image" Target="../media/image41.png"/><Relationship Id="rId4" Type="http://schemas.openxmlformats.org/officeDocument/2006/relationships/image" Target="../media/image40.png"/></Relationships>
</file>

<file path=ppt/slides/_rels/slide22.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image" Target="../media/image43.png"/><Relationship Id="rId1" Type="http://schemas.openxmlformats.org/officeDocument/2006/relationships/slideLayout" Target="../slideLayouts/slideLayout2.xml"/><Relationship Id="rId6" Type="http://schemas.openxmlformats.org/officeDocument/2006/relationships/image" Target="../media/image47.png"/><Relationship Id="rId5" Type="http://schemas.openxmlformats.org/officeDocument/2006/relationships/image" Target="../media/image46.png"/><Relationship Id="rId4" Type="http://schemas.openxmlformats.org/officeDocument/2006/relationships/image" Target="../media/image45.png"/></Relationships>
</file>

<file path=ppt/slides/_rels/slide23.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image" Target="../media/image48.png"/><Relationship Id="rId1" Type="http://schemas.openxmlformats.org/officeDocument/2006/relationships/slideLayout" Target="../slideLayouts/slideLayout2.xml"/><Relationship Id="rId6" Type="http://schemas.openxmlformats.org/officeDocument/2006/relationships/image" Target="../media/image52.png"/><Relationship Id="rId5" Type="http://schemas.openxmlformats.org/officeDocument/2006/relationships/image" Target="../media/image51.png"/><Relationship Id="rId4" Type="http://schemas.openxmlformats.org/officeDocument/2006/relationships/image" Target="../media/image50.pn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hyperlink" Target="http://www.qcore.co.jp/" TargetMode="External"/><Relationship Id="rId1" Type="http://schemas.openxmlformats.org/officeDocument/2006/relationships/slideLayout" Target="../slideLayouts/slideLayout2.xml"/><Relationship Id="rId5" Type="http://schemas.openxmlformats.org/officeDocument/2006/relationships/image" Target="../media/image55.png"/><Relationship Id="rId4" Type="http://schemas.openxmlformats.org/officeDocument/2006/relationships/image" Target="../media/image54.png"/></Relationships>
</file>

<file path=ppt/slides/_rels/slide26.xml.rels><?xml version="1.0" encoding="UTF-8" standalone="yes"?>
<Relationships xmlns="http://schemas.openxmlformats.org/package/2006/relationships"><Relationship Id="rId3" Type="http://schemas.openxmlformats.org/officeDocument/2006/relationships/hyperlink" Target="http://www.au.ics.saitama-u.ac.jp/project/detail1/?lang=ja" TargetMode="External"/><Relationship Id="rId2" Type="http://schemas.openxmlformats.org/officeDocument/2006/relationships/hyperlink" Target="http://www.ntt.co.jp/dtl/technology/pe_product-photonic-" TargetMode="Externa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hyperlink" Target="http://www.t.u/" TargetMode="Externa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image" Target="../media/image5.png"/><Relationship Id="rId1" Type="http://schemas.openxmlformats.org/officeDocument/2006/relationships/slideLayout" Target="../slideLayouts/slideLayout7.xml"/><Relationship Id="rId5" Type="http://schemas.openxmlformats.org/officeDocument/2006/relationships/image" Target="../media/image8.png"/><Relationship Id="rId4" Type="http://schemas.openxmlformats.org/officeDocument/2006/relationships/image" Target="../media/image7.png"/></Relationships>
</file>

<file path=ppt/slides/_rels/slide30.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hyperlink" Target="http://www.nikkei.com/article/DGXMZO32049350R20C18A6000000/" TargetMode="External"/><Relationship Id="rId1" Type="http://schemas.openxmlformats.org/officeDocument/2006/relationships/slideLayout" Target="../slideLayouts/slideLayout2.xml"/><Relationship Id="rId5" Type="http://schemas.openxmlformats.org/officeDocument/2006/relationships/image" Target="../media/image58.png"/><Relationship Id="rId4" Type="http://schemas.openxmlformats.org/officeDocument/2006/relationships/image" Target="../media/image57.png"/></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hyperlink" Target="http://www.elsevier.com/termsandconditions" TargetMode="External"/><Relationship Id="rId1" Type="http://schemas.openxmlformats.org/officeDocument/2006/relationships/slideLayout" Target="../slideLayouts/slideLayout1.xml"/><Relationship Id="rId4" Type="http://schemas.openxmlformats.org/officeDocument/2006/relationships/image" Target="../media/image60.png"/></Relationships>
</file>

<file path=ppt/slides/_rels/slide33.xml.rels><?xml version="1.0" encoding="UTF-8" standalone="yes"?>
<Relationships xmlns="http://schemas.openxmlformats.org/package/2006/relationships"><Relationship Id="rId3" Type="http://schemas.openxmlformats.org/officeDocument/2006/relationships/image" Target="../media/image62.jpeg"/><Relationship Id="rId2" Type="http://schemas.openxmlformats.org/officeDocument/2006/relationships/image" Target="../media/image61.jpeg"/><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3" Type="http://schemas.openxmlformats.org/officeDocument/2006/relationships/image" Target="../media/image64.jpeg"/><Relationship Id="rId2" Type="http://schemas.openxmlformats.org/officeDocument/2006/relationships/notesSlide" Target="../notesSlides/notesSlide9.xml"/><Relationship Id="rId1" Type="http://schemas.openxmlformats.org/officeDocument/2006/relationships/slideLayout" Target="../slideLayouts/slideLayout1.xml"/><Relationship Id="rId4" Type="http://schemas.openxmlformats.org/officeDocument/2006/relationships/image" Target="../media/image65.jpeg"/></Relationships>
</file>

<file path=ppt/slides/_rels/slide36.xml.rels><?xml version="1.0" encoding="UTF-8" standalone="yes"?>
<Relationships xmlns="http://schemas.openxmlformats.org/package/2006/relationships"><Relationship Id="rId3" Type="http://schemas.openxmlformats.org/officeDocument/2006/relationships/image" Target="../media/image66.jpeg"/><Relationship Id="rId2" Type="http://schemas.openxmlformats.org/officeDocument/2006/relationships/notesSlide" Target="../notesSlides/notesSlide10.xml"/><Relationship Id="rId1" Type="http://schemas.openxmlformats.org/officeDocument/2006/relationships/slideLayout" Target="../slideLayouts/slideLayout1.xml"/></Relationships>
</file>

<file path=ppt/slides/_rels/slide37.xml.rels><?xml version="1.0" encoding="UTF-8" standalone="yes"?>
<Relationships xmlns="http://schemas.openxmlformats.org/package/2006/relationships"><Relationship Id="rId3" Type="http://schemas.openxmlformats.org/officeDocument/2006/relationships/image" Target="../media/image67.jpeg"/><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8" Type="http://schemas.openxmlformats.org/officeDocument/2006/relationships/image" Target="../media/image74.png"/><Relationship Id="rId3" Type="http://schemas.openxmlformats.org/officeDocument/2006/relationships/image" Target="../media/image69.png"/><Relationship Id="rId7" Type="http://schemas.openxmlformats.org/officeDocument/2006/relationships/image" Target="../media/image73.png"/><Relationship Id="rId2" Type="http://schemas.openxmlformats.org/officeDocument/2006/relationships/image" Target="../media/image68.png"/><Relationship Id="rId1" Type="http://schemas.openxmlformats.org/officeDocument/2006/relationships/slideLayout" Target="../slideLayouts/slideLayout2.xml"/><Relationship Id="rId6" Type="http://schemas.openxmlformats.org/officeDocument/2006/relationships/image" Target="../media/image72.png"/><Relationship Id="rId5" Type="http://schemas.openxmlformats.org/officeDocument/2006/relationships/image" Target="../media/image71.png"/><Relationship Id="rId4" Type="http://schemas.openxmlformats.org/officeDocument/2006/relationships/image" Target="../media/image70.png"/><Relationship Id="rId9" Type="http://schemas.openxmlformats.org/officeDocument/2006/relationships/image" Target="../media/image75.png"/></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8" Type="http://schemas.openxmlformats.org/officeDocument/2006/relationships/hyperlink" Target="http://www.nikkei.com/article/DGXMZO32049350R20C18A6000000" TargetMode="External"/><Relationship Id="rId3" Type="http://schemas.openxmlformats.org/officeDocument/2006/relationships/hyperlink" Target="http://www.ibm.com/downloads/cas/8MZNZZGX" TargetMode="External"/><Relationship Id="rId7" Type="http://schemas.openxmlformats.org/officeDocument/2006/relationships/hyperlink" Target="http://www.qcore.co.jp/" TargetMode="External"/><Relationship Id="rId2" Type="http://schemas.openxmlformats.org/officeDocument/2006/relationships/hyperlink" Target="http://eeip.t.u-tokyo.ac.jp/gtanaka/siryo/tanaka201902_ieice.pdf" TargetMode="External"/><Relationship Id="rId1" Type="http://schemas.openxmlformats.org/officeDocument/2006/relationships/slideLayout" Target="../slideLayouts/slideLayout2.xml"/><Relationship Id="rId6" Type="http://schemas.openxmlformats.org/officeDocument/2006/relationships/hyperlink" Target="http://www.au.ics.saitama-u.ac.jp/project/detail1/?lang=ja" TargetMode="External"/><Relationship Id="rId5" Type="http://schemas.openxmlformats.org/officeDocument/2006/relationships/hyperlink" Target="http://www.t.u-tokyo.ac.jp/soe/press/setnws_201802231415194061626317.html" TargetMode="External"/><Relationship Id="rId4" Type="http://schemas.openxmlformats.org/officeDocument/2006/relationships/hyperlink" Target="http://www.ntt.co.jp/dtl/technology/pe_product-photonic-reservoir.html" TargetMode="Externa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2.xml.rels><?xml version="1.0" encoding="UTF-8" standalone="yes"?>
<Relationships xmlns="http://schemas.openxmlformats.org/package/2006/relationships"><Relationship Id="rId3" Type="http://schemas.openxmlformats.org/officeDocument/2006/relationships/image" Target="../media/image77.png"/><Relationship Id="rId2" Type="http://schemas.openxmlformats.org/officeDocument/2006/relationships/image" Target="../media/image76.png"/><Relationship Id="rId1" Type="http://schemas.openxmlformats.org/officeDocument/2006/relationships/slideLayout" Target="../slideLayouts/slideLayout2.xml"/><Relationship Id="rId5" Type="http://schemas.openxmlformats.org/officeDocument/2006/relationships/image" Target="../media/image79.png"/><Relationship Id="rId4" Type="http://schemas.openxmlformats.org/officeDocument/2006/relationships/image" Target="../media/image78.jpeg"/></Relationships>
</file>

<file path=ppt/slides/_rels/slide43.xml.rels><?xml version="1.0" encoding="UTF-8" standalone="yes"?>
<Relationships xmlns="http://schemas.openxmlformats.org/package/2006/relationships"><Relationship Id="rId3" Type="http://schemas.openxmlformats.org/officeDocument/2006/relationships/image" Target="../media/image81.png"/><Relationship Id="rId2" Type="http://schemas.openxmlformats.org/officeDocument/2006/relationships/image" Target="../media/image80.png"/><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image" Target="../media/image82.pn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image" Target="../media/image83.png"/><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2" Type="http://schemas.openxmlformats.org/officeDocument/2006/relationships/image" Target="../media/image84.png"/><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image" Target="../media/image85.png"/><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8" Type="http://schemas.openxmlformats.org/officeDocument/2006/relationships/image" Target="../media/image92.png"/><Relationship Id="rId3" Type="http://schemas.openxmlformats.org/officeDocument/2006/relationships/image" Target="../media/image87.png"/><Relationship Id="rId7" Type="http://schemas.openxmlformats.org/officeDocument/2006/relationships/image" Target="../media/image91.png"/><Relationship Id="rId2" Type="http://schemas.openxmlformats.org/officeDocument/2006/relationships/image" Target="../media/image86.jpeg"/><Relationship Id="rId1" Type="http://schemas.openxmlformats.org/officeDocument/2006/relationships/slideLayout" Target="../slideLayouts/slideLayout2.xml"/><Relationship Id="rId6" Type="http://schemas.openxmlformats.org/officeDocument/2006/relationships/image" Target="../media/image90.jpeg"/><Relationship Id="rId5" Type="http://schemas.openxmlformats.org/officeDocument/2006/relationships/image" Target="../media/image89.png"/><Relationship Id="rId4" Type="http://schemas.openxmlformats.org/officeDocument/2006/relationships/image" Target="../media/image88.png"/></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0.xml.rels><?xml version="1.0" encoding="UTF-8" standalone="yes"?>
<Relationships xmlns="http://schemas.openxmlformats.org/package/2006/relationships"><Relationship Id="rId2" Type="http://schemas.openxmlformats.org/officeDocument/2006/relationships/image" Target="../media/image93.png"/><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94.png"/><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image" Target="../media/image95.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image" Target="../media/image96.pn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image" Target="../media/image97.png"/><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image" Target="../media/image98.png"/><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hyperlink" Target="https://ascii.jp/elem/000/004/035/4035579/2/" TargetMode="Externa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image" Target="../media/image99.png"/><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image" Target="../media/image100.png"/><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2" Type="http://schemas.openxmlformats.org/officeDocument/2006/relationships/image" Target="../media/image101.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1.xml.rels><?xml version="1.0" encoding="UTF-8" standalone="yes"?>
<Relationships xmlns="http://schemas.openxmlformats.org/package/2006/relationships"><Relationship Id="rId2" Type="http://schemas.openxmlformats.org/officeDocument/2006/relationships/image" Target="../media/image102.png"/><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2" Type="http://schemas.openxmlformats.org/officeDocument/2006/relationships/image" Target="../media/image103.png"/><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2" Type="http://schemas.openxmlformats.org/officeDocument/2006/relationships/image" Target="../media/image104.png"/><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2" Type="http://schemas.openxmlformats.org/officeDocument/2006/relationships/image" Target="../media/image105.png"/><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3" Type="http://schemas.openxmlformats.org/officeDocument/2006/relationships/image" Target="../media/image106.jpeg"/><Relationship Id="rId2" Type="http://schemas.openxmlformats.org/officeDocument/2006/relationships/notesSlide" Target="../notesSlides/notesSlide12.xml"/><Relationship Id="rId1" Type="http://schemas.openxmlformats.org/officeDocument/2006/relationships/slideLayout" Target="../slideLayouts/slideLayout1.xml"/><Relationship Id="rId4" Type="http://schemas.openxmlformats.org/officeDocument/2006/relationships/image" Target="../media/image107.jpeg"/></Relationships>
</file>

<file path=ppt/slides/_rels/slide66.xml.rels><?xml version="1.0" encoding="UTF-8" standalone="yes"?>
<Relationships xmlns="http://schemas.openxmlformats.org/package/2006/relationships"><Relationship Id="rId2" Type="http://schemas.openxmlformats.org/officeDocument/2006/relationships/image" Target="../media/image108.png"/><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2" Type="http://schemas.openxmlformats.org/officeDocument/2006/relationships/image" Target="../media/image109.png"/><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2" Type="http://schemas.openxmlformats.org/officeDocument/2006/relationships/image" Target="../media/image110.png"/><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2" Type="http://schemas.openxmlformats.org/officeDocument/2006/relationships/image" Target="../media/image111.jpeg"/><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1.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1.xml.rels><?xml version="1.0" encoding="UTF-8" standalone="yes"?>
<Relationships xmlns="http://schemas.openxmlformats.org/package/2006/relationships"><Relationship Id="rId8" Type="http://schemas.openxmlformats.org/officeDocument/2006/relationships/image" Target="../media/image118.png"/><Relationship Id="rId3" Type="http://schemas.openxmlformats.org/officeDocument/2006/relationships/image" Target="../media/image113.png"/><Relationship Id="rId7" Type="http://schemas.openxmlformats.org/officeDocument/2006/relationships/image" Target="../media/image117.png"/><Relationship Id="rId2" Type="http://schemas.openxmlformats.org/officeDocument/2006/relationships/image" Target="../media/image112.png"/><Relationship Id="rId1" Type="http://schemas.openxmlformats.org/officeDocument/2006/relationships/slideLayout" Target="../slideLayouts/slideLayout1.xml"/><Relationship Id="rId6" Type="http://schemas.openxmlformats.org/officeDocument/2006/relationships/image" Target="../media/image116.png"/><Relationship Id="rId11" Type="http://schemas.openxmlformats.org/officeDocument/2006/relationships/image" Target="../media/image121.wmf"/><Relationship Id="rId5" Type="http://schemas.openxmlformats.org/officeDocument/2006/relationships/image" Target="../media/image115.png"/><Relationship Id="rId10" Type="http://schemas.openxmlformats.org/officeDocument/2006/relationships/image" Target="../media/image120.jpeg"/><Relationship Id="rId4" Type="http://schemas.openxmlformats.org/officeDocument/2006/relationships/image" Target="../media/image114.png"/><Relationship Id="rId9" Type="http://schemas.openxmlformats.org/officeDocument/2006/relationships/image" Target="../media/image119.jpeg"/></Relationships>
</file>

<file path=ppt/slides/_rels/slide72.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xml"/></Relationships>
</file>

<file path=ppt/slides/_rels/slide73.xml.rels><?xml version="1.0" encoding="UTF-8" standalone="yes"?>
<Relationships xmlns="http://schemas.openxmlformats.org/package/2006/relationships"><Relationship Id="rId3" Type="http://schemas.openxmlformats.org/officeDocument/2006/relationships/hyperlink" Target="https://arxiv.org/pdf/1810.04805.pdf" TargetMode="External"/><Relationship Id="rId2" Type="http://schemas.openxmlformats.org/officeDocument/2006/relationships/image" Target="../media/image122.png"/><Relationship Id="rId1" Type="http://schemas.openxmlformats.org/officeDocument/2006/relationships/slideLayout" Target="../slideLayouts/slideLayout1.xml"/><Relationship Id="rId4" Type="http://schemas.openxmlformats.org/officeDocument/2006/relationships/image" Target="../media/image123.jp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a:extLst>
              <a:ext uri="{FF2B5EF4-FFF2-40B4-BE49-F238E27FC236}">
                <a16:creationId xmlns:a16="http://schemas.microsoft.com/office/drawing/2014/main" id="{3227479E-F510-9731-A553-17124AD632D4}"/>
              </a:ext>
            </a:extLst>
          </p:cNvPr>
          <p:cNvSpPr/>
          <p:nvPr/>
        </p:nvSpPr>
        <p:spPr>
          <a:xfrm>
            <a:off x="0" y="-3888"/>
            <a:ext cx="12192000" cy="6861888"/>
          </a:xfrm>
          <a:prstGeom prst="rect">
            <a:avLst/>
          </a:prstGeom>
          <a:solidFill>
            <a:srgbClr val="0070C0"/>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4000" b="1" dirty="0">
              <a:solidFill>
                <a:schemeClr val="bg1"/>
              </a:solidFill>
              <a:latin typeface="BIZ UDP明朝 Medium" panose="02020500000000000000" pitchFamily="18" charset="-128"/>
              <a:ea typeface="BIZ UDP明朝 Medium" panose="02020500000000000000" pitchFamily="18" charset="-128"/>
            </a:endParaRPr>
          </a:p>
        </p:txBody>
      </p:sp>
      <p:sp>
        <p:nvSpPr>
          <p:cNvPr id="7" name="テキスト ボックス 6">
            <a:extLst>
              <a:ext uri="{FF2B5EF4-FFF2-40B4-BE49-F238E27FC236}">
                <a16:creationId xmlns:a16="http://schemas.microsoft.com/office/drawing/2014/main" id="{31277EFB-6D13-FDCB-DA3D-ADE7D6DE8140}"/>
              </a:ext>
            </a:extLst>
          </p:cNvPr>
          <p:cNvSpPr txBox="1"/>
          <p:nvPr/>
        </p:nvSpPr>
        <p:spPr>
          <a:xfrm>
            <a:off x="-1" y="2773637"/>
            <a:ext cx="12192001" cy="2800767"/>
          </a:xfrm>
          <a:prstGeom prst="rect">
            <a:avLst/>
          </a:prstGeom>
          <a:noFill/>
          <a:effectLst>
            <a:outerShdw blurRad="63500" sx="102000" sy="102000" algn="ctr" rotWithShape="0">
              <a:prstClr val="black">
                <a:alpha val="40000"/>
              </a:prstClr>
            </a:outerShdw>
            <a:reflection blurRad="6350" stA="52000" endA="300" endPos="35000" dir="5400000" sy="-100000" algn="bl" rotWithShape="0"/>
          </a:effectLst>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8800" dirty="0">
                <a:solidFill>
                  <a:srgbClr val="FFC000"/>
                </a:solidFill>
                <a:effectLst>
                  <a:outerShdw blurRad="38100" dist="38100" dir="2700000" algn="tl">
                    <a:srgbClr val="000000">
                      <a:alpha val="43137"/>
                    </a:srgbClr>
                  </a:outerShdw>
                </a:effectLst>
                <a:latin typeface="HGP創英角ｺﾞｼｯｸUB" panose="020B0900000000000000" pitchFamily="50" charset="-128"/>
                <a:ea typeface="HGP創英角ｺﾞｼｯｸUB" panose="020B0900000000000000" pitchFamily="50" charset="-128"/>
              </a:rPr>
              <a:t>リザーバ計算機</a:t>
            </a:r>
            <a:r>
              <a:rPr lang="ja-JP" altLang="en-US" sz="2400" dirty="0">
                <a:solidFill>
                  <a:schemeClr val="accent4">
                    <a:lumMod val="60000"/>
                    <a:lumOff val="40000"/>
                  </a:schemeClr>
                </a:solidFill>
                <a:effectLst>
                  <a:outerShdw blurRad="38100" dist="38100" dir="2700000" algn="tl">
                    <a:srgbClr val="000000">
                      <a:alpha val="43137"/>
                    </a:srgbClr>
                  </a:outerShdw>
                </a:effectLst>
                <a:latin typeface="HGP創英角ｺﾞｼｯｸUB" panose="020B0900000000000000" pitchFamily="50" charset="-128"/>
                <a:ea typeface="HGP創英角ｺﾞｼｯｸUB" panose="020B0900000000000000" pitchFamily="50" charset="-128"/>
              </a:rPr>
              <a:t>と</a:t>
            </a:r>
            <a:endParaRPr lang="en-US" altLang="ja-JP" sz="7200" dirty="0">
              <a:solidFill>
                <a:schemeClr val="accent4">
                  <a:lumMod val="60000"/>
                  <a:lumOff val="40000"/>
                </a:schemeClr>
              </a:solidFill>
              <a:effectLst>
                <a:outerShdw blurRad="38100" dist="38100" dir="2700000" algn="tl">
                  <a:srgbClr val="000000">
                    <a:alpha val="43137"/>
                  </a:srgbClr>
                </a:outerShdw>
              </a:effectLst>
              <a:latin typeface="HGP創英角ｺﾞｼｯｸUB" panose="020B0900000000000000" pitchFamily="50" charset="-128"/>
              <a:ea typeface="HGP創英角ｺﾞｼｯｸUB" panose="020B09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8800" dirty="0">
                <a:solidFill>
                  <a:srgbClr val="FFC000"/>
                </a:solidFill>
                <a:effectLst>
                  <a:outerShdw blurRad="38100" dist="38100" dir="2700000" algn="tl">
                    <a:srgbClr val="000000">
                      <a:alpha val="43137"/>
                    </a:srgbClr>
                  </a:outerShdw>
                </a:effectLst>
                <a:latin typeface="HGP創英角ｺﾞｼｯｸUB" panose="020B0900000000000000" pitchFamily="50" charset="-128"/>
                <a:ea typeface="HGP創英角ｺﾞｼｯｸUB" panose="020B0900000000000000" pitchFamily="50" charset="-128"/>
              </a:rPr>
              <a:t>第</a:t>
            </a:r>
            <a:r>
              <a:rPr lang="en-US" altLang="ja-JP" sz="8800" dirty="0">
                <a:solidFill>
                  <a:srgbClr val="FFC000"/>
                </a:solidFill>
                <a:effectLst>
                  <a:outerShdw blurRad="38100" dist="38100" dir="2700000" algn="tl">
                    <a:srgbClr val="000000">
                      <a:alpha val="43137"/>
                    </a:srgbClr>
                  </a:outerShdw>
                </a:effectLst>
                <a:latin typeface="HGP創英角ｺﾞｼｯｸUB" panose="020B0900000000000000" pitchFamily="50" charset="-128"/>
                <a:ea typeface="HGP創英角ｺﾞｼｯｸUB" panose="020B0900000000000000" pitchFamily="50" charset="-128"/>
              </a:rPr>
              <a:t>4</a:t>
            </a:r>
            <a:r>
              <a:rPr lang="ja-JP" altLang="en-US" sz="8800" dirty="0">
                <a:solidFill>
                  <a:srgbClr val="FFC000"/>
                </a:solidFill>
                <a:effectLst>
                  <a:outerShdw blurRad="38100" dist="38100" dir="2700000" algn="tl">
                    <a:srgbClr val="000000">
                      <a:alpha val="43137"/>
                    </a:srgbClr>
                  </a:outerShdw>
                </a:effectLst>
                <a:latin typeface="HGP創英角ｺﾞｼｯｸUB" panose="020B0900000000000000" pitchFamily="50" charset="-128"/>
                <a:ea typeface="HGP創英角ｺﾞｼｯｸUB" panose="020B0900000000000000" pitchFamily="50" charset="-128"/>
              </a:rPr>
              <a:t>の回路素子メモリスタ</a:t>
            </a:r>
            <a:endParaRPr kumimoji="1" lang="ja-JP" altLang="en-US" sz="13800" i="0" u="none" strike="noStrike" kern="1200" cap="none" spc="0" normalizeH="0" baseline="0" noProof="0" dirty="0">
              <a:ln>
                <a:noFill/>
              </a:ln>
              <a:solidFill>
                <a:srgbClr val="FFC000"/>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endParaRPr>
          </a:p>
        </p:txBody>
      </p:sp>
      <p:pic>
        <p:nvPicPr>
          <p:cNvPr id="3" name="図 2" descr="テキスト が含まれている画像&#10;&#10;自動的に生成された説明">
            <a:extLst>
              <a:ext uri="{FF2B5EF4-FFF2-40B4-BE49-F238E27FC236}">
                <a16:creationId xmlns:a16="http://schemas.microsoft.com/office/drawing/2014/main" id="{2DB78B4B-2DBE-DDBD-F90F-04FF6CD6A9A6}"/>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998175" y="741543"/>
            <a:ext cx="1423882" cy="1334654"/>
          </a:xfrm>
          <a:prstGeom prst="rect">
            <a:avLst/>
          </a:prstGeom>
          <a:noFill/>
          <a:ln>
            <a:noFill/>
          </a:ln>
          <a:effectLst>
            <a:glow rad="63500">
              <a:schemeClr val="accent3">
                <a:satMod val="175000"/>
                <a:alpha val="40000"/>
              </a:schemeClr>
            </a:glow>
            <a:outerShdw blurRad="190500" dist="228600" dir="2700000" algn="ctr">
              <a:srgbClr val="000000">
                <a:alpha val="30000"/>
              </a:srgbClr>
            </a:outerShdw>
          </a:effectLst>
          <a:scene3d>
            <a:camera prst="perspectiveFront"/>
            <a:lightRig rig="glow" dir="t">
              <a:rot lat="0" lon="0" rev="4800000"/>
            </a:lightRig>
          </a:scene3d>
          <a:sp3d prstMaterial="matte">
            <a:bevelT w="127000" h="63500"/>
          </a:sp3d>
        </p:spPr>
      </p:pic>
      <p:sp>
        <p:nvSpPr>
          <p:cNvPr id="4" name="テキスト ボックス 3">
            <a:extLst>
              <a:ext uri="{FF2B5EF4-FFF2-40B4-BE49-F238E27FC236}">
                <a16:creationId xmlns:a16="http://schemas.microsoft.com/office/drawing/2014/main" id="{0C197A0F-DA74-F98C-117A-64E223BBFB4A}"/>
              </a:ext>
            </a:extLst>
          </p:cNvPr>
          <p:cNvSpPr txBox="1"/>
          <p:nvPr/>
        </p:nvSpPr>
        <p:spPr>
          <a:xfrm>
            <a:off x="2706910" y="654173"/>
            <a:ext cx="7400925" cy="795731"/>
          </a:xfrm>
          <a:prstGeom prst="rect">
            <a:avLst/>
          </a:prstGeom>
          <a:noFill/>
        </p:spPr>
        <p:txBody>
          <a:bodyPr wrap="square" rtlCol="0">
            <a:spAutoFit/>
          </a:bodyPr>
          <a:lstStyle/>
          <a:p>
            <a:pPr algn="ctr"/>
            <a:r>
              <a:rPr lang="ja-JP" altLang="en-US" sz="4571" dirty="0">
                <a:solidFill>
                  <a:schemeClr val="bg1"/>
                </a:solidFill>
                <a:latin typeface="HGP創英角ﾎﾟｯﾌﾟ体" panose="040B0A00000000000000" pitchFamily="50" charset="-128"/>
                <a:ea typeface="HGP創英角ﾎﾟｯﾌﾟ体" panose="040B0A00000000000000" pitchFamily="50" charset="-128"/>
              </a:rPr>
              <a:t>戦略研勉強会</a:t>
            </a:r>
            <a:r>
              <a:rPr lang="ja-JP" altLang="en-US" sz="4571" b="1" dirty="0">
                <a:solidFill>
                  <a:schemeClr val="bg1"/>
                </a:solidFill>
                <a:latin typeface="BIZ UDPゴシック" panose="020B0400000000000000" pitchFamily="50" charset="-128"/>
                <a:ea typeface="BIZ UDPゴシック" panose="020B0400000000000000" pitchFamily="50" charset="-128"/>
              </a:rPr>
              <a:t>＠キャンプ</a:t>
            </a:r>
          </a:p>
        </p:txBody>
      </p:sp>
      <p:sp>
        <p:nvSpPr>
          <p:cNvPr id="5" name="テキスト ボックス 4">
            <a:extLst>
              <a:ext uri="{FF2B5EF4-FFF2-40B4-BE49-F238E27FC236}">
                <a16:creationId xmlns:a16="http://schemas.microsoft.com/office/drawing/2014/main" id="{5223E057-5541-7418-5E4C-8D82FA37E6EE}"/>
              </a:ext>
            </a:extLst>
          </p:cNvPr>
          <p:cNvSpPr txBox="1"/>
          <p:nvPr/>
        </p:nvSpPr>
        <p:spPr>
          <a:xfrm>
            <a:off x="0" y="5934670"/>
            <a:ext cx="12129961" cy="923330"/>
          </a:xfrm>
          <a:prstGeom prst="rect">
            <a:avLst/>
          </a:prstGeom>
          <a:noFill/>
          <a:effectLst/>
        </p:spPr>
        <p:txBody>
          <a:bodyPr wrap="square" rtlCol="0">
            <a:spAutoFit/>
          </a:bodyPr>
          <a:lstStyle/>
          <a:p>
            <a:pPr algn="ctr"/>
            <a:r>
              <a:rPr kumimoji="1" lang="en-US" altLang="ja-JP" sz="5400" b="1" dirty="0">
                <a:solidFill>
                  <a:schemeClr val="bg1"/>
                </a:solidFill>
                <a:latin typeface="Berlin Sans FB Demi" panose="020E0802020502020306" pitchFamily="34" charset="0"/>
                <a:ea typeface="BIZ UDPゴシック" panose="020B0400000000000000" pitchFamily="50" charset="-128"/>
              </a:rPr>
              <a:t>2025</a:t>
            </a:r>
            <a:r>
              <a:rPr kumimoji="1" lang="ja-JP" altLang="en-US" sz="4400" b="1" dirty="0">
                <a:solidFill>
                  <a:schemeClr val="bg1"/>
                </a:solidFill>
                <a:latin typeface="Berlin Sans FB Demi" panose="020E0802020502020306" pitchFamily="34" charset="0"/>
                <a:ea typeface="BIZ UDPゴシック" panose="020B0400000000000000" pitchFamily="50" charset="-128"/>
              </a:rPr>
              <a:t>年</a:t>
            </a:r>
            <a:r>
              <a:rPr lang="en-US" altLang="ja-JP" sz="5400" b="1" dirty="0">
                <a:solidFill>
                  <a:schemeClr val="bg1"/>
                </a:solidFill>
                <a:latin typeface="Berlin Sans FB Demi" panose="020E0802020502020306" pitchFamily="34" charset="0"/>
                <a:ea typeface="BIZ UDPゴシック" panose="020B0400000000000000" pitchFamily="50" charset="-128"/>
              </a:rPr>
              <a:t>1</a:t>
            </a:r>
            <a:r>
              <a:rPr lang="ja-JP" altLang="en-US" sz="4400" b="1" dirty="0">
                <a:solidFill>
                  <a:schemeClr val="bg1"/>
                </a:solidFill>
                <a:latin typeface="Berlin Sans FB Demi" panose="020E0802020502020306" pitchFamily="34" charset="0"/>
                <a:ea typeface="BIZ UDPゴシック" panose="020B0400000000000000" pitchFamily="50" charset="-128"/>
              </a:rPr>
              <a:t>月</a:t>
            </a:r>
            <a:r>
              <a:rPr lang="en-US" altLang="ja-JP" sz="5400" b="1" dirty="0">
                <a:solidFill>
                  <a:schemeClr val="bg1"/>
                </a:solidFill>
                <a:latin typeface="Berlin Sans FB Demi" panose="020E0802020502020306" pitchFamily="34" charset="0"/>
                <a:ea typeface="BIZ UDPゴシック" panose="020B0400000000000000" pitchFamily="50" charset="-128"/>
              </a:rPr>
              <a:t>9</a:t>
            </a:r>
            <a:r>
              <a:rPr kumimoji="1" lang="ja-JP" altLang="en-US" sz="4400" b="1" dirty="0">
                <a:solidFill>
                  <a:schemeClr val="bg1"/>
                </a:solidFill>
                <a:latin typeface="Berlin Sans FB Demi" panose="020E0802020502020306" pitchFamily="34" charset="0"/>
                <a:ea typeface="BIZ UDPゴシック" panose="020B0400000000000000" pitchFamily="50" charset="-128"/>
              </a:rPr>
              <a:t>日（</a:t>
            </a:r>
            <a:r>
              <a:rPr lang="ja-JP" altLang="en-US" sz="4400" b="1" dirty="0">
                <a:solidFill>
                  <a:schemeClr val="bg1"/>
                </a:solidFill>
                <a:latin typeface="Berlin Sans FB Demi" panose="020E0802020502020306" pitchFamily="34" charset="0"/>
                <a:ea typeface="BIZ UDPゴシック" panose="020B0400000000000000" pitchFamily="50" charset="-128"/>
              </a:rPr>
              <a:t>木</a:t>
            </a:r>
            <a:r>
              <a:rPr kumimoji="1" lang="ja-JP" altLang="en-US" sz="4400" b="1" dirty="0">
                <a:solidFill>
                  <a:schemeClr val="bg1"/>
                </a:solidFill>
                <a:latin typeface="Berlin Sans FB Demi" panose="020E0802020502020306" pitchFamily="34" charset="0"/>
                <a:ea typeface="BIZ UDPゴシック" panose="020B0400000000000000" pitchFamily="50" charset="-128"/>
              </a:rPr>
              <a:t>曜日） </a:t>
            </a:r>
            <a:r>
              <a:rPr kumimoji="1" lang="en-US" altLang="ja-JP" sz="5400" b="1" dirty="0">
                <a:solidFill>
                  <a:schemeClr val="bg1"/>
                </a:solidFill>
                <a:latin typeface="Berlin Sans FB Demi" panose="020E0802020502020306" pitchFamily="34" charset="0"/>
                <a:ea typeface="BIZ UDPゴシック" panose="020B0400000000000000" pitchFamily="50" charset="-128"/>
              </a:rPr>
              <a:t>12</a:t>
            </a:r>
            <a:r>
              <a:rPr kumimoji="1" lang="ja-JP" altLang="en-US" sz="5400" b="1" dirty="0">
                <a:solidFill>
                  <a:schemeClr val="bg1"/>
                </a:solidFill>
                <a:latin typeface="Berlin Sans FB Demi" panose="020E0802020502020306" pitchFamily="34" charset="0"/>
                <a:ea typeface="BIZ UDPゴシック" panose="020B0400000000000000" pitchFamily="50" charset="-128"/>
              </a:rPr>
              <a:t>：</a:t>
            </a:r>
            <a:r>
              <a:rPr kumimoji="1" lang="en-US" altLang="ja-JP" sz="5400" b="1" dirty="0">
                <a:solidFill>
                  <a:schemeClr val="bg1"/>
                </a:solidFill>
                <a:latin typeface="Berlin Sans FB Demi" panose="020E0802020502020306" pitchFamily="34" charset="0"/>
                <a:ea typeface="BIZ UDPゴシック" panose="020B0400000000000000" pitchFamily="50" charset="-128"/>
              </a:rPr>
              <a:t>10</a:t>
            </a:r>
            <a:r>
              <a:rPr kumimoji="1" lang="ja-JP" altLang="en-US" sz="5400" b="1" dirty="0">
                <a:solidFill>
                  <a:schemeClr val="bg1"/>
                </a:solidFill>
                <a:latin typeface="Berlin Sans FB Demi" panose="020E0802020502020306" pitchFamily="34" charset="0"/>
                <a:ea typeface="BIZ UDPゴシック" panose="020B0400000000000000" pitchFamily="50" charset="-128"/>
              </a:rPr>
              <a:t>～</a:t>
            </a:r>
            <a:r>
              <a:rPr kumimoji="1" lang="en-US" altLang="ja-JP" sz="5400" b="1" dirty="0">
                <a:solidFill>
                  <a:schemeClr val="bg1"/>
                </a:solidFill>
                <a:latin typeface="Berlin Sans FB Demi" panose="020E0802020502020306" pitchFamily="34" charset="0"/>
                <a:ea typeface="BIZ UDPゴシック" panose="020B0400000000000000" pitchFamily="50" charset="-128"/>
              </a:rPr>
              <a:t>12</a:t>
            </a:r>
            <a:r>
              <a:rPr kumimoji="1" lang="ja-JP" altLang="en-US" sz="5400" b="1" dirty="0">
                <a:solidFill>
                  <a:schemeClr val="bg1"/>
                </a:solidFill>
                <a:latin typeface="Berlin Sans FB Demi" panose="020E0802020502020306" pitchFamily="34" charset="0"/>
                <a:ea typeface="BIZ UDPゴシック" panose="020B0400000000000000" pitchFamily="50" charset="-128"/>
              </a:rPr>
              <a:t>：</a:t>
            </a:r>
            <a:r>
              <a:rPr kumimoji="1" lang="en-US" altLang="ja-JP" sz="5400" b="1" dirty="0">
                <a:solidFill>
                  <a:schemeClr val="bg1"/>
                </a:solidFill>
                <a:latin typeface="Berlin Sans FB Demi" panose="020E0802020502020306" pitchFamily="34" charset="0"/>
                <a:ea typeface="BIZ UDPゴシック" panose="020B0400000000000000" pitchFamily="50" charset="-128"/>
              </a:rPr>
              <a:t>40</a:t>
            </a:r>
            <a:endParaRPr kumimoji="1" lang="ja-JP" altLang="en-US" sz="4400" b="1" dirty="0">
              <a:solidFill>
                <a:schemeClr val="bg1"/>
              </a:solidFill>
              <a:latin typeface="Berlin Sans FB Demi" panose="020E0802020502020306" pitchFamily="34" charset="0"/>
              <a:ea typeface="BIZ UDPゴシック" panose="020B0400000000000000" pitchFamily="50" charset="-128"/>
            </a:endParaRPr>
          </a:p>
        </p:txBody>
      </p:sp>
      <p:sp>
        <p:nvSpPr>
          <p:cNvPr id="8" name="テキスト ボックス 7">
            <a:extLst>
              <a:ext uri="{FF2B5EF4-FFF2-40B4-BE49-F238E27FC236}">
                <a16:creationId xmlns:a16="http://schemas.microsoft.com/office/drawing/2014/main" id="{AF1E6A12-8EB4-A91B-6421-615339CF691E}"/>
              </a:ext>
            </a:extLst>
          </p:cNvPr>
          <p:cNvSpPr txBox="1"/>
          <p:nvPr/>
        </p:nvSpPr>
        <p:spPr>
          <a:xfrm>
            <a:off x="4328564" y="1624487"/>
            <a:ext cx="3607358" cy="1015663"/>
          </a:xfrm>
          <a:prstGeom prst="rect">
            <a:avLst/>
          </a:prstGeom>
          <a:noFill/>
        </p:spPr>
        <p:txBody>
          <a:bodyPr wrap="square" rtlCol="0">
            <a:spAutoFit/>
          </a:bodyPr>
          <a:lstStyle/>
          <a:p>
            <a:pPr algn="ctr"/>
            <a:r>
              <a:rPr kumimoji="1" lang="ja-JP" altLang="en-US" sz="6000" b="1" dirty="0">
                <a:solidFill>
                  <a:schemeClr val="tx2">
                    <a:lumMod val="20000"/>
                    <a:lumOff val="80000"/>
                  </a:schemeClr>
                </a:solidFill>
                <a:latin typeface="BIZ UDゴシック" panose="020B0400000000000000" pitchFamily="49" charset="-128"/>
                <a:ea typeface="BIZ UDゴシック" panose="020B0400000000000000" pitchFamily="49" charset="-128"/>
              </a:rPr>
              <a:t>第</a:t>
            </a:r>
            <a:r>
              <a:rPr kumimoji="1" lang="en-US" altLang="ja-JP" sz="6000" b="1" dirty="0">
                <a:solidFill>
                  <a:schemeClr val="tx2">
                    <a:lumMod val="20000"/>
                    <a:lumOff val="80000"/>
                  </a:schemeClr>
                </a:solidFill>
                <a:latin typeface="BIZ UDPゴシック" panose="020B0400000000000000" pitchFamily="50" charset="-128"/>
                <a:ea typeface="BIZ UDPゴシック" panose="020B0400000000000000" pitchFamily="50" charset="-128"/>
              </a:rPr>
              <a:t>38</a:t>
            </a:r>
            <a:r>
              <a:rPr kumimoji="1" lang="ja-JP" altLang="en-US" sz="6000" b="1" dirty="0">
                <a:solidFill>
                  <a:schemeClr val="tx2">
                    <a:lumMod val="20000"/>
                    <a:lumOff val="80000"/>
                  </a:schemeClr>
                </a:solidFill>
                <a:latin typeface="BIZ UDゴシック" panose="020B0400000000000000" pitchFamily="49" charset="-128"/>
                <a:ea typeface="BIZ UDゴシック" panose="020B0400000000000000" pitchFamily="49" charset="-128"/>
              </a:rPr>
              <a:t>回</a:t>
            </a:r>
          </a:p>
        </p:txBody>
      </p:sp>
      <p:pic>
        <p:nvPicPr>
          <p:cNvPr id="2" name="Picture 4" descr="走る忍者のイラスト">
            <a:extLst>
              <a:ext uri="{FF2B5EF4-FFF2-40B4-BE49-F238E27FC236}">
                <a16:creationId xmlns:a16="http://schemas.microsoft.com/office/drawing/2014/main" id="{FCEB221B-A9B3-727A-6999-63975E088813}"/>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58295" y="392057"/>
            <a:ext cx="2869503" cy="286950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66778742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txBox="1"/>
          <p:nvPr/>
        </p:nvSpPr>
        <p:spPr>
          <a:xfrm>
            <a:off x="102127" y="3954234"/>
            <a:ext cx="3658815" cy="259045"/>
          </a:xfrm>
          <a:prstGeom prst="rect">
            <a:avLst/>
          </a:prstGeom>
        </p:spPr>
        <p:txBody>
          <a:bodyPr vert="horz" wrap="square" lIns="0" tIns="12700" rIns="0" bIns="0" rtlCol="0">
            <a:spAutoFit/>
          </a:bodyPr>
          <a:lstStyle/>
          <a:p>
            <a:pPr marL="12700">
              <a:spcBef>
                <a:spcPts val="100"/>
              </a:spcBef>
            </a:pPr>
            <a:r>
              <a:rPr sz="1400" spc="-20" dirty="0" err="1">
                <a:latin typeface="メイリオ"/>
                <a:cs typeface="メイリオ"/>
              </a:rPr>
              <a:t>リザバーとは【</a:t>
            </a:r>
            <a:r>
              <a:rPr sz="1600" spc="-20" dirty="0" err="1">
                <a:latin typeface="メイリオ"/>
                <a:cs typeface="メイリオ"/>
              </a:rPr>
              <a:t>ため池</a:t>
            </a:r>
            <a:r>
              <a:rPr sz="1400" spc="-20" dirty="0" err="1">
                <a:latin typeface="メイリオ"/>
                <a:cs typeface="メイリオ"/>
              </a:rPr>
              <a:t>】という意味</a:t>
            </a:r>
            <a:r>
              <a:rPr sz="1400" spc="-20" dirty="0">
                <a:latin typeface="メイリオ"/>
                <a:cs typeface="メイリオ"/>
              </a:rPr>
              <a:t>。</a:t>
            </a:r>
            <a:endParaRPr sz="1400" dirty="0">
              <a:latin typeface="メイリオ"/>
              <a:cs typeface="メイリオ"/>
            </a:endParaRPr>
          </a:p>
        </p:txBody>
      </p:sp>
      <p:grpSp>
        <p:nvGrpSpPr>
          <p:cNvPr id="5" name="object 5"/>
          <p:cNvGrpSpPr/>
          <p:nvPr/>
        </p:nvGrpSpPr>
        <p:grpSpPr>
          <a:xfrm>
            <a:off x="82483" y="4267241"/>
            <a:ext cx="4157212" cy="2341605"/>
            <a:chOff x="-683528" y="4269551"/>
            <a:chExt cx="4157212" cy="2341605"/>
          </a:xfrm>
        </p:grpSpPr>
        <p:sp>
          <p:nvSpPr>
            <p:cNvPr id="6" name="object 6"/>
            <p:cNvSpPr/>
            <p:nvPr/>
          </p:nvSpPr>
          <p:spPr>
            <a:xfrm>
              <a:off x="38969" y="5391321"/>
              <a:ext cx="3434715" cy="1219835"/>
            </a:xfrm>
            <a:custGeom>
              <a:avLst/>
              <a:gdLst/>
              <a:ahLst/>
              <a:cxnLst/>
              <a:rect l="l" t="t" r="r" b="b"/>
              <a:pathLst>
                <a:path w="3434715" h="1219834">
                  <a:moveTo>
                    <a:pt x="2090504" y="0"/>
                  </a:moveTo>
                  <a:lnTo>
                    <a:pt x="2037274" y="2403"/>
                  </a:lnTo>
                  <a:lnTo>
                    <a:pt x="1985664" y="8687"/>
                  </a:lnTo>
                  <a:lnTo>
                    <a:pt x="1936628" y="18697"/>
                  </a:lnTo>
                  <a:lnTo>
                    <a:pt x="1891126" y="32279"/>
                  </a:lnTo>
                  <a:lnTo>
                    <a:pt x="1850113" y="49279"/>
                  </a:lnTo>
                  <a:lnTo>
                    <a:pt x="1814547" y="69544"/>
                  </a:lnTo>
                  <a:lnTo>
                    <a:pt x="1785385" y="92920"/>
                  </a:lnTo>
                  <a:lnTo>
                    <a:pt x="1762826" y="82871"/>
                  </a:lnTo>
                  <a:lnTo>
                    <a:pt x="1713518" y="65345"/>
                  </a:lnTo>
                  <a:lnTo>
                    <a:pt x="1634408" y="46476"/>
                  </a:lnTo>
                  <a:lnTo>
                    <a:pt x="1580459" y="38779"/>
                  </a:lnTo>
                  <a:lnTo>
                    <a:pt x="1525797" y="34674"/>
                  </a:lnTo>
                  <a:lnTo>
                    <a:pt x="1471102" y="34062"/>
                  </a:lnTo>
                  <a:lnTo>
                    <a:pt x="1417059" y="36842"/>
                  </a:lnTo>
                  <a:lnTo>
                    <a:pt x="1364349" y="42913"/>
                  </a:lnTo>
                  <a:lnTo>
                    <a:pt x="1313656" y="52175"/>
                  </a:lnTo>
                  <a:lnTo>
                    <a:pt x="1265662" y="64528"/>
                  </a:lnTo>
                  <a:lnTo>
                    <a:pt x="1221049" y="79870"/>
                  </a:lnTo>
                  <a:lnTo>
                    <a:pt x="1180501" y="98102"/>
                  </a:lnTo>
                  <a:lnTo>
                    <a:pt x="1144700" y="119122"/>
                  </a:lnTo>
                  <a:lnTo>
                    <a:pt x="1114329" y="142831"/>
                  </a:lnTo>
                  <a:lnTo>
                    <a:pt x="1068947" y="131344"/>
                  </a:lnTo>
                  <a:lnTo>
                    <a:pt x="1021777" y="122049"/>
                  </a:lnTo>
                  <a:lnTo>
                    <a:pt x="973159" y="114979"/>
                  </a:lnTo>
                  <a:lnTo>
                    <a:pt x="923429" y="110163"/>
                  </a:lnTo>
                  <a:lnTo>
                    <a:pt x="872927" y="107633"/>
                  </a:lnTo>
                  <a:lnTo>
                    <a:pt x="821991" y="107421"/>
                  </a:lnTo>
                  <a:lnTo>
                    <a:pt x="770959" y="109557"/>
                  </a:lnTo>
                  <a:lnTo>
                    <a:pt x="704870" y="115969"/>
                  </a:lnTo>
                  <a:lnTo>
                    <a:pt x="642333" y="126058"/>
                  </a:lnTo>
                  <a:lnTo>
                    <a:pt x="583778" y="139549"/>
                  </a:lnTo>
                  <a:lnTo>
                    <a:pt x="529635" y="156169"/>
                  </a:lnTo>
                  <a:lnTo>
                    <a:pt x="480334" y="175647"/>
                  </a:lnTo>
                  <a:lnTo>
                    <a:pt x="436306" y="197709"/>
                  </a:lnTo>
                  <a:lnTo>
                    <a:pt x="397981" y="222081"/>
                  </a:lnTo>
                  <a:lnTo>
                    <a:pt x="365789" y="248492"/>
                  </a:lnTo>
                  <a:lnTo>
                    <a:pt x="321524" y="306337"/>
                  </a:lnTo>
                  <a:lnTo>
                    <a:pt x="306954" y="369059"/>
                  </a:lnTo>
                  <a:lnTo>
                    <a:pt x="311880" y="401568"/>
                  </a:lnTo>
                  <a:lnTo>
                    <a:pt x="308984" y="405365"/>
                  </a:lnTo>
                  <a:lnTo>
                    <a:pt x="255441" y="410149"/>
                  </a:lnTo>
                  <a:lnTo>
                    <a:pt x="204715" y="418840"/>
                  </a:lnTo>
                  <a:lnTo>
                    <a:pt x="157638" y="431179"/>
                  </a:lnTo>
                  <a:lnTo>
                    <a:pt x="115044" y="446906"/>
                  </a:lnTo>
                  <a:lnTo>
                    <a:pt x="77766" y="465761"/>
                  </a:lnTo>
                  <a:lnTo>
                    <a:pt x="17547" y="518384"/>
                  </a:lnTo>
                  <a:lnTo>
                    <a:pt x="0" y="582911"/>
                  </a:lnTo>
                  <a:lnTo>
                    <a:pt x="10551" y="614691"/>
                  </a:lnTo>
                  <a:lnTo>
                    <a:pt x="33325" y="644918"/>
                  </a:lnTo>
                  <a:lnTo>
                    <a:pt x="67826" y="672669"/>
                  </a:lnTo>
                  <a:lnTo>
                    <a:pt x="113556" y="697020"/>
                  </a:lnTo>
                  <a:lnTo>
                    <a:pt x="170021" y="717048"/>
                  </a:lnTo>
                  <a:lnTo>
                    <a:pt x="124728" y="746198"/>
                  </a:lnTo>
                  <a:lnTo>
                    <a:pt x="93893" y="778997"/>
                  </a:lnTo>
                  <a:lnTo>
                    <a:pt x="78347" y="814223"/>
                  </a:lnTo>
                  <a:lnTo>
                    <a:pt x="78921" y="850652"/>
                  </a:lnTo>
                  <a:lnTo>
                    <a:pt x="114517" y="907312"/>
                  </a:lnTo>
                  <a:lnTo>
                    <a:pt x="146239" y="931713"/>
                  </a:lnTo>
                  <a:lnTo>
                    <a:pt x="185798" y="952944"/>
                  </a:lnTo>
                  <a:lnTo>
                    <a:pt x="232106" y="970590"/>
                  </a:lnTo>
                  <a:lnTo>
                    <a:pt x="284081" y="984238"/>
                  </a:lnTo>
                  <a:lnTo>
                    <a:pt x="340637" y="993475"/>
                  </a:lnTo>
                  <a:lnTo>
                    <a:pt x="400688" y="997886"/>
                  </a:lnTo>
                  <a:lnTo>
                    <a:pt x="463149" y="997058"/>
                  </a:lnTo>
                  <a:lnTo>
                    <a:pt x="469626" y="1002417"/>
                  </a:lnTo>
                  <a:lnTo>
                    <a:pt x="500522" y="1025003"/>
                  </a:lnTo>
                  <a:lnTo>
                    <a:pt x="534865" y="1045787"/>
                  </a:lnTo>
                  <a:lnTo>
                    <a:pt x="572359" y="1064736"/>
                  </a:lnTo>
                  <a:lnTo>
                    <a:pt x="612707" y="1081811"/>
                  </a:lnTo>
                  <a:lnTo>
                    <a:pt x="655612" y="1096978"/>
                  </a:lnTo>
                  <a:lnTo>
                    <a:pt x="700776" y="1110201"/>
                  </a:lnTo>
                  <a:lnTo>
                    <a:pt x="747904" y="1121443"/>
                  </a:lnTo>
                  <a:lnTo>
                    <a:pt x="796697" y="1130670"/>
                  </a:lnTo>
                  <a:lnTo>
                    <a:pt x="846859" y="1137844"/>
                  </a:lnTo>
                  <a:lnTo>
                    <a:pt x="898093" y="1142930"/>
                  </a:lnTo>
                  <a:lnTo>
                    <a:pt x="950102" y="1145892"/>
                  </a:lnTo>
                  <a:lnTo>
                    <a:pt x="1002589" y="1146695"/>
                  </a:lnTo>
                  <a:lnTo>
                    <a:pt x="1055257" y="1145302"/>
                  </a:lnTo>
                  <a:lnTo>
                    <a:pt x="1107808" y="1141677"/>
                  </a:lnTo>
                  <a:lnTo>
                    <a:pt x="1159946" y="1135785"/>
                  </a:lnTo>
                  <a:lnTo>
                    <a:pt x="1211375" y="1127589"/>
                  </a:lnTo>
                  <a:lnTo>
                    <a:pt x="1261796" y="1117054"/>
                  </a:lnTo>
                  <a:lnTo>
                    <a:pt x="1310913" y="1104144"/>
                  </a:lnTo>
                  <a:lnTo>
                    <a:pt x="1348116" y="1128039"/>
                  </a:lnTo>
                  <a:lnTo>
                    <a:pt x="1390443" y="1149567"/>
                  </a:lnTo>
                  <a:lnTo>
                    <a:pt x="1437405" y="1168554"/>
                  </a:lnTo>
                  <a:lnTo>
                    <a:pt x="1488515" y="1184824"/>
                  </a:lnTo>
                  <a:lnTo>
                    <a:pt x="1543287" y="1198202"/>
                  </a:lnTo>
                  <a:lnTo>
                    <a:pt x="1601235" y="1208513"/>
                  </a:lnTo>
                  <a:lnTo>
                    <a:pt x="1658071" y="1215266"/>
                  </a:lnTo>
                  <a:lnTo>
                    <a:pt x="1714923" y="1218942"/>
                  </a:lnTo>
                  <a:lnTo>
                    <a:pt x="1771382" y="1219648"/>
                  </a:lnTo>
                  <a:lnTo>
                    <a:pt x="1827041" y="1217490"/>
                  </a:lnTo>
                  <a:lnTo>
                    <a:pt x="1881491" y="1212573"/>
                  </a:lnTo>
                  <a:lnTo>
                    <a:pt x="1934324" y="1205003"/>
                  </a:lnTo>
                  <a:lnTo>
                    <a:pt x="1985133" y="1194886"/>
                  </a:lnTo>
                  <a:lnTo>
                    <a:pt x="2033509" y="1182328"/>
                  </a:lnTo>
                  <a:lnTo>
                    <a:pt x="2079045" y="1167435"/>
                  </a:lnTo>
                  <a:lnTo>
                    <a:pt x="2121332" y="1150313"/>
                  </a:lnTo>
                  <a:lnTo>
                    <a:pt x="2159963" y="1131067"/>
                  </a:lnTo>
                  <a:lnTo>
                    <a:pt x="2194530" y="1109804"/>
                  </a:lnTo>
                  <a:lnTo>
                    <a:pt x="2249837" y="1061648"/>
                  </a:lnTo>
                  <a:lnTo>
                    <a:pt x="2269763" y="1034967"/>
                  </a:lnTo>
                  <a:lnTo>
                    <a:pt x="2314205" y="1046773"/>
                  </a:lnTo>
                  <a:lnTo>
                    <a:pt x="2360831" y="1056104"/>
                  </a:lnTo>
                  <a:lnTo>
                    <a:pt x="2409199" y="1062901"/>
                  </a:lnTo>
                  <a:lnTo>
                    <a:pt x="2458873" y="1067102"/>
                  </a:lnTo>
                  <a:lnTo>
                    <a:pt x="2509412" y="1068648"/>
                  </a:lnTo>
                  <a:lnTo>
                    <a:pt x="2571788" y="1066864"/>
                  </a:lnTo>
                  <a:lnTo>
                    <a:pt x="2631676" y="1061194"/>
                  </a:lnTo>
                  <a:lnTo>
                    <a:pt x="2688525" y="1051898"/>
                  </a:lnTo>
                  <a:lnTo>
                    <a:pt x="2741784" y="1039240"/>
                  </a:lnTo>
                  <a:lnTo>
                    <a:pt x="2790901" y="1023482"/>
                  </a:lnTo>
                  <a:lnTo>
                    <a:pt x="2835325" y="1004886"/>
                  </a:lnTo>
                  <a:lnTo>
                    <a:pt x="2874505" y="983715"/>
                  </a:lnTo>
                  <a:lnTo>
                    <a:pt x="2907890" y="960231"/>
                  </a:lnTo>
                  <a:lnTo>
                    <a:pt x="2955070" y="907375"/>
                  </a:lnTo>
                  <a:lnTo>
                    <a:pt x="2972454" y="848417"/>
                  </a:lnTo>
                  <a:lnTo>
                    <a:pt x="3026733" y="843272"/>
                  </a:lnTo>
                  <a:lnTo>
                    <a:pt x="3079428" y="835495"/>
                  </a:lnTo>
                  <a:lnTo>
                    <a:pt x="3130142" y="825168"/>
                  </a:lnTo>
                  <a:lnTo>
                    <a:pt x="3178478" y="812371"/>
                  </a:lnTo>
                  <a:lnTo>
                    <a:pt x="3224041" y="797185"/>
                  </a:lnTo>
                  <a:lnTo>
                    <a:pt x="3278932" y="773796"/>
                  </a:lnTo>
                  <a:lnTo>
                    <a:pt x="3325737" y="747682"/>
                  </a:lnTo>
                  <a:lnTo>
                    <a:pt x="3364336" y="719277"/>
                  </a:lnTo>
                  <a:lnTo>
                    <a:pt x="3394611" y="689018"/>
                  </a:lnTo>
                  <a:lnTo>
                    <a:pt x="3416444" y="657337"/>
                  </a:lnTo>
                  <a:lnTo>
                    <a:pt x="3434312" y="591455"/>
                  </a:lnTo>
                  <a:lnTo>
                    <a:pt x="3430110" y="558122"/>
                  </a:lnTo>
                  <a:lnTo>
                    <a:pt x="3416993" y="525108"/>
                  </a:lnTo>
                  <a:lnTo>
                    <a:pt x="3394844" y="492848"/>
                  </a:lnTo>
                  <a:lnTo>
                    <a:pt x="3363543" y="461776"/>
                  </a:lnTo>
                  <a:lnTo>
                    <a:pt x="3322974" y="432327"/>
                  </a:lnTo>
                  <a:lnTo>
                    <a:pt x="3328546" y="425710"/>
                  </a:lnTo>
                  <a:lnTo>
                    <a:pt x="3355106" y="372534"/>
                  </a:lnTo>
                  <a:lnTo>
                    <a:pt x="3356740" y="340019"/>
                  </a:lnTo>
                  <a:lnTo>
                    <a:pt x="3347919" y="308336"/>
                  </a:lnTo>
                  <a:lnTo>
                    <a:pt x="3301368" y="249541"/>
                  </a:lnTo>
                  <a:lnTo>
                    <a:pt x="3264863" y="223463"/>
                  </a:lnTo>
                  <a:lnTo>
                    <a:pt x="3220358" y="200290"/>
                  </a:lnTo>
                  <a:lnTo>
                    <a:pt x="3168465" y="180538"/>
                  </a:lnTo>
                  <a:lnTo>
                    <a:pt x="3109798" y="164726"/>
                  </a:lnTo>
                  <a:lnTo>
                    <a:pt x="3044971" y="153372"/>
                  </a:lnTo>
                  <a:lnTo>
                    <a:pt x="3027542" y="122326"/>
                  </a:lnTo>
                  <a:lnTo>
                    <a:pt x="2999552" y="93412"/>
                  </a:lnTo>
                  <a:lnTo>
                    <a:pt x="2961728" y="67236"/>
                  </a:lnTo>
                  <a:lnTo>
                    <a:pt x="2914796" y="44406"/>
                  </a:lnTo>
                  <a:lnTo>
                    <a:pt x="2868627" y="28171"/>
                  </a:lnTo>
                  <a:lnTo>
                    <a:pt x="2819283" y="15676"/>
                  </a:lnTo>
                  <a:lnTo>
                    <a:pt x="2767605" y="6887"/>
                  </a:lnTo>
                  <a:lnTo>
                    <a:pt x="2714436" y="1770"/>
                  </a:lnTo>
                  <a:lnTo>
                    <a:pt x="2660618" y="292"/>
                  </a:lnTo>
                  <a:lnTo>
                    <a:pt x="2606993" y="2421"/>
                  </a:lnTo>
                  <a:lnTo>
                    <a:pt x="2554403" y="8123"/>
                  </a:lnTo>
                  <a:lnTo>
                    <a:pt x="2503690" y="17364"/>
                  </a:lnTo>
                  <a:lnTo>
                    <a:pt x="2455696" y="30112"/>
                  </a:lnTo>
                  <a:lnTo>
                    <a:pt x="2411264" y="46334"/>
                  </a:lnTo>
                  <a:lnTo>
                    <a:pt x="2371236" y="65996"/>
                  </a:lnTo>
                  <a:lnTo>
                    <a:pt x="2345451" y="51470"/>
                  </a:lnTo>
                  <a:lnTo>
                    <a:pt x="2284689" y="27134"/>
                  </a:lnTo>
                  <a:lnTo>
                    <a:pt x="2197989" y="7448"/>
                  </a:lnTo>
                  <a:lnTo>
                    <a:pt x="2144394" y="1630"/>
                  </a:lnTo>
                  <a:lnTo>
                    <a:pt x="2090504" y="0"/>
                  </a:lnTo>
                  <a:close/>
                </a:path>
              </a:pathLst>
            </a:custGeom>
            <a:solidFill>
              <a:srgbClr val="DEEBF7"/>
            </a:solidFill>
          </p:spPr>
          <p:txBody>
            <a:bodyPr wrap="square" lIns="0" tIns="0" rIns="0" bIns="0" rtlCol="0"/>
            <a:lstStyle/>
            <a:p>
              <a:endParaRPr/>
            </a:p>
          </p:txBody>
        </p:sp>
        <p:sp>
          <p:nvSpPr>
            <p:cNvPr id="7" name="object 7"/>
            <p:cNvSpPr/>
            <p:nvPr/>
          </p:nvSpPr>
          <p:spPr>
            <a:xfrm>
              <a:off x="38969" y="5391321"/>
              <a:ext cx="3434715" cy="1219835"/>
            </a:xfrm>
            <a:custGeom>
              <a:avLst/>
              <a:gdLst/>
              <a:ahLst/>
              <a:cxnLst/>
              <a:rect l="l" t="t" r="r" b="b"/>
              <a:pathLst>
                <a:path w="3434715" h="1219834">
                  <a:moveTo>
                    <a:pt x="311880" y="401568"/>
                  </a:moveTo>
                  <a:lnTo>
                    <a:pt x="306954" y="369059"/>
                  </a:lnTo>
                  <a:lnTo>
                    <a:pt x="310312" y="337225"/>
                  </a:lnTo>
                  <a:lnTo>
                    <a:pt x="321524" y="306337"/>
                  </a:lnTo>
                  <a:lnTo>
                    <a:pt x="365789" y="248492"/>
                  </a:lnTo>
                  <a:lnTo>
                    <a:pt x="397981" y="222081"/>
                  </a:lnTo>
                  <a:lnTo>
                    <a:pt x="436306" y="197709"/>
                  </a:lnTo>
                  <a:lnTo>
                    <a:pt x="480334" y="175647"/>
                  </a:lnTo>
                  <a:lnTo>
                    <a:pt x="529635" y="156169"/>
                  </a:lnTo>
                  <a:lnTo>
                    <a:pt x="583778" y="139549"/>
                  </a:lnTo>
                  <a:lnTo>
                    <a:pt x="642333" y="126058"/>
                  </a:lnTo>
                  <a:lnTo>
                    <a:pt x="704870" y="115969"/>
                  </a:lnTo>
                  <a:lnTo>
                    <a:pt x="770959" y="109557"/>
                  </a:lnTo>
                  <a:lnTo>
                    <a:pt x="821991" y="107421"/>
                  </a:lnTo>
                  <a:lnTo>
                    <a:pt x="872927" y="107633"/>
                  </a:lnTo>
                  <a:lnTo>
                    <a:pt x="923429" y="110163"/>
                  </a:lnTo>
                  <a:lnTo>
                    <a:pt x="973159" y="114979"/>
                  </a:lnTo>
                  <a:lnTo>
                    <a:pt x="1021777" y="122049"/>
                  </a:lnTo>
                  <a:lnTo>
                    <a:pt x="1068947" y="131344"/>
                  </a:lnTo>
                  <a:lnTo>
                    <a:pt x="1114329" y="142831"/>
                  </a:lnTo>
                  <a:lnTo>
                    <a:pt x="1144700" y="119122"/>
                  </a:lnTo>
                  <a:lnTo>
                    <a:pt x="1180501" y="98102"/>
                  </a:lnTo>
                  <a:lnTo>
                    <a:pt x="1221049" y="79870"/>
                  </a:lnTo>
                  <a:lnTo>
                    <a:pt x="1265662" y="64528"/>
                  </a:lnTo>
                  <a:lnTo>
                    <a:pt x="1313656" y="52175"/>
                  </a:lnTo>
                  <a:lnTo>
                    <a:pt x="1364349" y="42913"/>
                  </a:lnTo>
                  <a:lnTo>
                    <a:pt x="1417059" y="36842"/>
                  </a:lnTo>
                  <a:lnTo>
                    <a:pt x="1471102" y="34062"/>
                  </a:lnTo>
                  <a:lnTo>
                    <a:pt x="1525797" y="34674"/>
                  </a:lnTo>
                  <a:lnTo>
                    <a:pt x="1580459" y="38779"/>
                  </a:lnTo>
                  <a:lnTo>
                    <a:pt x="1634408" y="46476"/>
                  </a:lnTo>
                  <a:lnTo>
                    <a:pt x="1686960" y="57868"/>
                  </a:lnTo>
                  <a:lnTo>
                    <a:pt x="1738839" y="73679"/>
                  </a:lnTo>
                  <a:lnTo>
                    <a:pt x="1785385" y="92920"/>
                  </a:lnTo>
                  <a:lnTo>
                    <a:pt x="1814547" y="69544"/>
                  </a:lnTo>
                  <a:lnTo>
                    <a:pt x="1850113" y="49279"/>
                  </a:lnTo>
                  <a:lnTo>
                    <a:pt x="1891126" y="32279"/>
                  </a:lnTo>
                  <a:lnTo>
                    <a:pt x="1936628" y="18697"/>
                  </a:lnTo>
                  <a:lnTo>
                    <a:pt x="1985664" y="8687"/>
                  </a:lnTo>
                  <a:lnTo>
                    <a:pt x="2037274" y="2403"/>
                  </a:lnTo>
                  <a:lnTo>
                    <a:pt x="2090504" y="0"/>
                  </a:lnTo>
                  <a:lnTo>
                    <a:pt x="2144394" y="1630"/>
                  </a:lnTo>
                  <a:lnTo>
                    <a:pt x="2197989" y="7448"/>
                  </a:lnTo>
                  <a:lnTo>
                    <a:pt x="2250332" y="17609"/>
                  </a:lnTo>
                  <a:lnTo>
                    <a:pt x="2316499" y="38468"/>
                  </a:lnTo>
                  <a:lnTo>
                    <a:pt x="2371236" y="65996"/>
                  </a:lnTo>
                  <a:lnTo>
                    <a:pt x="2411264" y="46334"/>
                  </a:lnTo>
                  <a:lnTo>
                    <a:pt x="2455696" y="30112"/>
                  </a:lnTo>
                  <a:lnTo>
                    <a:pt x="2503690" y="17364"/>
                  </a:lnTo>
                  <a:lnTo>
                    <a:pt x="2554403" y="8123"/>
                  </a:lnTo>
                  <a:lnTo>
                    <a:pt x="2606993" y="2421"/>
                  </a:lnTo>
                  <a:lnTo>
                    <a:pt x="2660618" y="292"/>
                  </a:lnTo>
                  <a:lnTo>
                    <a:pt x="2714436" y="1770"/>
                  </a:lnTo>
                  <a:lnTo>
                    <a:pt x="2767605" y="6887"/>
                  </a:lnTo>
                  <a:lnTo>
                    <a:pt x="2819283" y="15676"/>
                  </a:lnTo>
                  <a:lnTo>
                    <a:pt x="2868627" y="28171"/>
                  </a:lnTo>
                  <a:lnTo>
                    <a:pt x="2914796" y="44406"/>
                  </a:lnTo>
                  <a:lnTo>
                    <a:pt x="2961728" y="67236"/>
                  </a:lnTo>
                  <a:lnTo>
                    <a:pt x="2999552" y="93412"/>
                  </a:lnTo>
                  <a:lnTo>
                    <a:pt x="3027542" y="122326"/>
                  </a:lnTo>
                  <a:lnTo>
                    <a:pt x="3044971" y="153372"/>
                  </a:lnTo>
                  <a:lnTo>
                    <a:pt x="3109798" y="164726"/>
                  </a:lnTo>
                  <a:lnTo>
                    <a:pt x="3168465" y="180538"/>
                  </a:lnTo>
                  <a:lnTo>
                    <a:pt x="3220358" y="200290"/>
                  </a:lnTo>
                  <a:lnTo>
                    <a:pt x="3264863" y="223463"/>
                  </a:lnTo>
                  <a:lnTo>
                    <a:pt x="3301368" y="249541"/>
                  </a:lnTo>
                  <a:lnTo>
                    <a:pt x="3329257" y="278004"/>
                  </a:lnTo>
                  <a:lnTo>
                    <a:pt x="3356740" y="340019"/>
                  </a:lnTo>
                  <a:lnTo>
                    <a:pt x="3355106" y="372534"/>
                  </a:lnTo>
                  <a:lnTo>
                    <a:pt x="3338261" y="412225"/>
                  </a:lnTo>
                  <a:lnTo>
                    <a:pt x="3322974" y="432327"/>
                  </a:lnTo>
                  <a:lnTo>
                    <a:pt x="3363543" y="461776"/>
                  </a:lnTo>
                  <a:lnTo>
                    <a:pt x="3394844" y="492848"/>
                  </a:lnTo>
                  <a:lnTo>
                    <a:pt x="3416993" y="525108"/>
                  </a:lnTo>
                  <a:lnTo>
                    <a:pt x="3430110" y="558122"/>
                  </a:lnTo>
                  <a:lnTo>
                    <a:pt x="3434312" y="591455"/>
                  </a:lnTo>
                  <a:lnTo>
                    <a:pt x="3429717" y="624672"/>
                  </a:lnTo>
                  <a:lnTo>
                    <a:pt x="3394611" y="689018"/>
                  </a:lnTo>
                  <a:lnTo>
                    <a:pt x="3364336" y="719277"/>
                  </a:lnTo>
                  <a:lnTo>
                    <a:pt x="3325737" y="747682"/>
                  </a:lnTo>
                  <a:lnTo>
                    <a:pt x="3278932" y="773796"/>
                  </a:lnTo>
                  <a:lnTo>
                    <a:pt x="3224041" y="797185"/>
                  </a:lnTo>
                  <a:lnTo>
                    <a:pt x="3178478" y="812371"/>
                  </a:lnTo>
                  <a:lnTo>
                    <a:pt x="3130142" y="825168"/>
                  </a:lnTo>
                  <a:lnTo>
                    <a:pt x="3079428" y="835495"/>
                  </a:lnTo>
                  <a:lnTo>
                    <a:pt x="3026733" y="843272"/>
                  </a:lnTo>
                  <a:lnTo>
                    <a:pt x="2972454" y="848417"/>
                  </a:lnTo>
                  <a:lnTo>
                    <a:pt x="2967762" y="878528"/>
                  </a:lnTo>
                  <a:lnTo>
                    <a:pt x="2934929" y="934697"/>
                  </a:lnTo>
                  <a:lnTo>
                    <a:pt x="2874505" y="983715"/>
                  </a:lnTo>
                  <a:lnTo>
                    <a:pt x="2835325" y="1004886"/>
                  </a:lnTo>
                  <a:lnTo>
                    <a:pt x="2790901" y="1023482"/>
                  </a:lnTo>
                  <a:lnTo>
                    <a:pt x="2741784" y="1039240"/>
                  </a:lnTo>
                  <a:lnTo>
                    <a:pt x="2688525" y="1051898"/>
                  </a:lnTo>
                  <a:lnTo>
                    <a:pt x="2631676" y="1061194"/>
                  </a:lnTo>
                  <a:lnTo>
                    <a:pt x="2571788" y="1066864"/>
                  </a:lnTo>
                  <a:lnTo>
                    <a:pt x="2509412" y="1068648"/>
                  </a:lnTo>
                  <a:lnTo>
                    <a:pt x="2458873" y="1067102"/>
                  </a:lnTo>
                  <a:lnTo>
                    <a:pt x="2409199" y="1062901"/>
                  </a:lnTo>
                  <a:lnTo>
                    <a:pt x="2360831" y="1056104"/>
                  </a:lnTo>
                  <a:lnTo>
                    <a:pt x="2314205" y="1046773"/>
                  </a:lnTo>
                  <a:lnTo>
                    <a:pt x="2269763" y="1034967"/>
                  </a:lnTo>
                  <a:lnTo>
                    <a:pt x="2249837" y="1061648"/>
                  </a:lnTo>
                  <a:lnTo>
                    <a:pt x="2194530" y="1109804"/>
                  </a:lnTo>
                  <a:lnTo>
                    <a:pt x="2159963" y="1131067"/>
                  </a:lnTo>
                  <a:lnTo>
                    <a:pt x="2121332" y="1150313"/>
                  </a:lnTo>
                  <a:lnTo>
                    <a:pt x="2079045" y="1167435"/>
                  </a:lnTo>
                  <a:lnTo>
                    <a:pt x="2033509" y="1182328"/>
                  </a:lnTo>
                  <a:lnTo>
                    <a:pt x="1985133" y="1194886"/>
                  </a:lnTo>
                  <a:lnTo>
                    <a:pt x="1934324" y="1205003"/>
                  </a:lnTo>
                  <a:lnTo>
                    <a:pt x="1881491" y="1212573"/>
                  </a:lnTo>
                  <a:lnTo>
                    <a:pt x="1827041" y="1217490"/>
                  </a:lnTo>
                  <a:lnTo>
                    <a:pt x="1771382" y="1219648"/>
                  </a:lnTo>
                  <a:lnTo>
                    <a:pt x="1714923" y="1218942"/>
                  </a:lnTo>
                  <a:lnTo>
                    <a:pt x="1658071" y="1215266"/>
                  </a:lnTo>
                  <a:lnTo>
                    <a:pt x="1601235" y="1208513"/>
                  </a:lnTo>
                  <a:lnTo>
                    <a:pt x="1543287" y="1198202"/>
                  </a:lnTo>
                  <a:lnTo>
                    <a:pt x="1488515" y="1184824"/>
                  </a:lnTo>
                  <a:lnTo>
                    <a:pt x="1437405" y="1168554"/>
                  </a:lnTo>
                  <a:lnTo>
                    <a:pt x="1390443" y="1149567"/>
                  </a:lnTo>
                  <a:lnTo>
                    <a:pt x="1348116" y="1128039"/>
                  </a:lnTo>
                  <a:lnTo>
                    <a:pt x="1310913" y="1104144"/>
                  </a:lnTo>
                  <a:lnTo>
                    <a:pt x="1261796" y="1117054"/>
                  </a:lnTo>
                  <a:lnTo>
                    <a:pt x="1211375" y="1127589"/>
                  </a:lnTo>
                  <a:lnTo>
                    <a:pt x="1159946" y="1135785"/>
                  </a:lnTo>
                  <a:lnTo>
                    <a:pt x="1107808" y="1141677"/>
                  </a:lnTo>
                  <a:lnTo>
                    <a:pt x="1055257" y="1145302"/>
                  </a:lnTo>
                  <a:lnTo>
                    <a:pt x="1002589" y="1146695"/>
                  </a:lnTo>
                  <a:lnTo>
                    <a:pt x="950102" y="1145892"/>
                  </a:lnTo>
                  <a:lnTo>
                    <a:pt x="898093" y="1142930"/>
                  </a:lnTo>
                  <a:lnTo>
                    <a:pt x="846859" y="1137844"/>
                  </a:lnTo>
                  <a:lnTo>
                    <a:pt x="796697" y="1130670"/>
                  </a:lnTo>
                  <a:lnTo>
                    <a:pt x="747904" y="1121443"/>
                  </a:lnTo>
                  <a:lnTo>
                    <a:pt x="700776" y="1110201"/>
                  </a:lnTo>
                  <a:lnTo>
                    <a:pt x="655612" y="1096978"/>
                  </a:lnTo>
                  <a:lnTo>
                    <a:pt x="612707" y="1081811"/>
                  </a:lnTo>
                  <a:lnTo>
                    <a:pt x="572359" y="1064736"/>
                  </a:lnTo>
                  <a:lnTo>
                    <a:pt x="534865" y="1045787"/>
                  </a:lnTo>
                  <a:lnTo>
                    <a:pt x="500522" y="1025003"/>
                  </a:lnTo>
                  <a:lnTo>
                    <a:pt x="469626" y="1002417"/>
                  </a:lnTo>
                  <a:lnTo>
                    <a:pt x="463149" y="997058"/>
                  </a:lnTo>
                  <a:lnTo>
                    <a:pt x="400688" y="997886"/>
                  </a:lnTo>
                  <a:lnTo>
                    <a:pt x="340637" y="993475"/>
                  </a:lnTo>
                  <a:lnTo>
                    <a:pt x="284081" y="984238"/>
                  </a:lnTo>
                  <a:lnTo>
                    <a:pt x="232106" y="970590"/>
                  </a:lnTo>
                  <a:lnTo>
                    <a:pt x="185798" y="952944"/>
                  </a:lnTo>
                  <a:lnTo>
                    <a:pt x="146239" y="931713"/>
                  </a:lnTo>
                  <a:lnTo>
                    <a:pt x="114517" y="907312"/>
                  </a:lnTo>
                  <a:lnTo>
                    <a:pt x="78921" y="850652"/>
                  </a:lnTo>
                  <a:lnTo>
                    <a:pt x="78347" y="814223"/>
                  </a:lnTo>
                  <a:lnTo>
                    <a:pt x="93893" y="778997"/>
                  </a:lnTo>
                  <a:lnTo>
                    <a:pt x="124728" y="746198"/>
                  </a:lnTo>
                  <a:lnTo>
                    <a:pt x="170021" y="717048"/>
                  </a:lnTo>
                  <a:lnTo>
                    <a:pt x="113556" y="697020"/>
                  </a:lnTo>
                  <a:lnTo>
                    <a:pt x="67826" y="672669"/>
                  </a:lnTo>
                  <a:lnTo>
                    <a:pt x="33325" y="644918"/>
                  </a:lnTo>
                  <a:lnTo>
                    <a:pt x="10551" y="614691"/>
                  </a:lnTo>
                  <a:lnTo>
                    <a:pt x="0" y="582911"/>
                  </a:lnTo>
                  <a:lnTo>
                    <a:pt x="2166" y="550501"/>
                  </a:lnTo>
                  <a:lnTo>
                    <a:pt x="46638" y="487483"/>
                  </a:lnTo>
                  <a:lnTo>
                    <a:pt x="115044" y="446906"/>
                  </a:lnTo>
                  <a:lnTo>
                    <a:pt x="157638" y="431179"/>
                  </a:lnTo>
                  <a:lnTo>
                    <a:pt x="204715" y="418840"/>
                  </a:lnTo>
                  <a:lnTo>
                    <a:pt x="255441" y="410149"/>
                  </a:lnTo>
                  <a:lnTo>
                    <a:pt x="308984" y="405365"/>
                  </a:lnTo>
                  <a:lnTo>
                    <a:pt x="311880" y="401568"/>
                  </a:lnTo>
                  <a:close/>
                </a:path>
                <a:path w="3434715" h="1219834">
                  <a:moveTo>
                    <a:pt x="374846" y="734790"/>
                  </a:moveTo>
                  <a:lnTo>
                    <a:pt x="322349" y="734828"/>
                  </a:lnTo>
                  <a:lnTo>
                    <a:pt x="270735" y="731026"/>
                  </a:lnTo>
                  <a:lnTo>
                    <a:pt x="220888" y="723483"/>
                  </a:lnTo>
                  <a:lnTo>
                    <a:pt x="173691" y="712299"/>
                  </a:lnTo>
                </a:path>
                <a:path w="3434715" h="1219834">
                  <a:moveTo>
                    <a:pt x="552329" y="980942"/>
                  </a:moveTo>
                  <a:lnTo>
                    <a:pt x="530912" y="984676"/>
                  </a:lnTo>
                  <a:lnTo>
                    <a:pt x="509057" y="987722"/>
                  </a:lnTo>
                  <a:lnTo>
                    <a:pt x="486835" y="990070"/>
                  </a:lnTo>
                  <a:lnTo>
                    <a:pt x="464318" y="991711"/>
                  </a:lnTo>
                </a:path>
                <a:path w="3434715" h="1219834">
                  <a:moveTo>
                    <a:pt x="1310659" y="1099229"/>
                  </a:moveTo>
                  <a:lnTo>
                    <a:pt x="1295401" y="1087480"/>
                  </a:lnTo>
                  <a:lnTo>
                    <a:pt x="1281464" y="1075360"/>
                  </a:lnTo>
                  <a:lnTo>
                    <a:pt x="1268885" y="1062896"/>
                  </a:lnTo>
                  <a:lnTo>
                    <a:pt x="1257700" y="1050119"/>
                  </a:lnTo>
                </a:path>
                <a:path w="3434715" h="1219834">
                  <a:moveTo>
                    <a:pt x="2291353" y="976763"/>
                  </a:moveTo>
                  <a:lnTo>
                    <a:pt x="2288235" y="990425"/>
                  </a:lnTo>
                  <a:lnTo>
                    <a:pt x="2283653" y="1003978"/>
                  </a:lnTo>
                  <a:lnTo>
                    <a:pt x="2277619" y="1017395"/>
                  </a:lnTo>
                  <a:lnTo>
                    <a:pt x="2270144" y="1030649"/>
                  </a:lnTo>
                </a:path>
                <a:path w="3434715" h="1219834">
                  <a:moveTo>
                    <a:pt x="2712358" y="643833"/>
                  </a:moveTo>
                  <a:lnTo>
                    <a:pt x="2776838" y="662294"/>
                  </a:lnTo>
                  <a:lnTo>
                    <a:pt x="2833379" y="685173"/>
                  </a:lnTo>
                  <a:lnTo>
                    <a:pt x="2881225" y="711879"/>
                  </a:lnTo>
                  <a:lnTo>
                    <a:pt x="2919620" y="741826"/>
                  </a:lnTo>
                  <a:lnTo>
                    <a:pt x="2947809" y="774423"/>
                  </a:lnTo>
                  <a:lnTo>
                    <a:pt x="2965037" y="809083"/>
                  </a:lnTo>
                  <a:lnTo>
                    <a:pt x="2970549" y="845217"/>
                  </a:lnTo>
                </a:path>
                <a:path w="3434715" h="1219834">
                  <a:moveTo>
                    <a:pt x="3321323" y="429343"/>
                  </a:moveTo>
                  <a:lnTo>
                    <a:pt x="3299506" y="450545"/>
                  </a:lnTo>
                  <a:lnTo>
                    <a:pt x="3272904" y="470324"/>
                  </a:lnTo>
                  <a:lnTo>
                    <a:pt x="3241777" y="488491"/>
                  </a:lnTo>
                  <a:lnTo>
                    <a:pt x="3206388" y="504857"/>
                  </a:lnTo>
                </a:path>
                <a:path w="3434715" h="1219834">
                  <a:moveTo>
                    <a:pt x="3045479" y="149181"/>
                  </a:moveTo>
                  <a:lnTo>
                    <a:pt x="3048360" y="157989"/>
                  </a:lnTo>
                  <a:lnTo>
                    <a:pt x="3050336" y="166881"/>
                  </a:lnTo>
                  <a:lnTo>
                    <a:pt x="3051408" y="175845"/>
                  </a:lnTo>
                  <a:lnTo>
                    <a:pt x="3051575" y="184868"/>
                  </a:lnTo>
                </a:path>
                <a:path w="3434715" h="1219834">
                  <a:moveTo>
                    <a:pt x="2311292" y="107525"/>
                  </a:moveTo>
                  <a:lnTo>
                    <a:pt x="2323428" y="95438"/>
                  </a:lnTo>
                  <a:lnTo>
                    <a:pt x="2337327" y="83791"/>
                  </a:lnTo>
                  <a:lnTo>
                    <a:pt x="2352940" y="72645"/>
                  </a:lnTo>
                  <a:lnTo>
                    <a:pt x="2370220" y="62059"/>
                  </a:lnTo>
                </a:path>
                <a:path w="3434715" h="1219834">
                  <a:moveTo>
                    <a:pt x="1760366" y="129242"/>
                  </a:moveTo>
                  <a:lnTo>
                    <a:pt x="1765598" y="119127"/>
                  </a:lnTo>
                  <a:lnTo>
                    <a:pt x="1772129" y="109191"/>
                  </a:lnTo>
                  <a:lnTo>
                    <a:pt x="1779922" y="99470"/>
                  </a:lnTo>
                  <a:lnTo>
                    <a:pt x="1788941" y="89999"/>
                  </a:lnTo>
                </a:path>
                <a:path w="3434715" h="1219834">
                  <a:moveTo>
                    <a:pt x="1113923" y="142577"/>
                  </a:moveTo>
                  <a:lnTo>
                    <a:pt x="1141484" y="150903"/>
                  </a:lnTo>
                  <a:lnTo>
                    <a:pt x="1167922" y="160039"/>
                  </a:lnTo>
                  <a:lnTo>
                    <a:pt x="1193167" y="169937"/>
                  </a:lnTo>
                  <a:lnTo>
                    <a:pt x="1217148" y="180550"/>
                  </a:lnTo>
                </a:path>
                <a:path w="3434715" h="1219834">
                  <a:moveTo>
                    <a:pt x="329901" y="441623"/>
                  </a:moveTo>
                  <a:lnTo>
                    <a:pt x="324173" y="431748"/>
                  </a:lnTo>
                  <a:lnTo>
                    <a:pt x="319258" y="421773"/>
                  </a:lnTo>
                  <a:lnTo>
                    <a:pt x="315163" y="411713"/>
                  </a:lnTo>
                  <a:lnTo>
                    <a:pt x="311892" y="401580"/>
                  </a:lnTo>
                </a:path>
              </a:pathLst>
            </a:custGeom>
            <a:ln w="12192">
              <a:solidFill>
                <a:srgbClr val="000000"/>
              </a:solidFill>
            </a:ln>
          </p:spPr>
          <p:txBody>
            <a:bodyPr wrap="square" lIns="0" tIns="0" rIns="0" bIns="0" rtlCol="0"/>
            <a:lstStyle/>
            <a:p>
              <a:endParaRPr/>
            </a:p>
          </p:txBody>
        </p:sp>
        <p:sp>
          <p:nvSpPr>
            <p:cNvPr id="8" name="object 8"/>
            <p:cNvSpPr/>
            <p:nvPr/>
          </p:nvSpPr>
          <p:spPr>
            <a:xfrm>
              <a:off x="954023" y="5740908"/>
              <a:ext cx="1964689" cy="481965"/>
            </a:xfrm>
            <a:custGeom>
              <a:avLst/>
              <a:gdLst/>
              <a:ahLst/>
              <a:cxnLst/>
              <a:rect l="l" t="t" r="r" b="b"/>
              <a:pathLst>
                <a:path w="1964689" h="481964">
                  <a:moveTo>
                    <a:pt x="537972" y="366521"/>
                  </a:moveTo>
                  <a:lnTo>
                    <a:pt x="560850" y="330152"/>
                  </a:lnTo>
                  <a:lnTo>
                    <a:pt x="624559" y="298566"/>
                  </a:lnTo>
                  <a:lnTo>
                    <a:pt x="669417" y="285159"/>
                  </a:lnTo>
                  <a:lnTo>
                    <a:pt x="721711" y="273659"/>
                  </a:lnTo>
                  <a:lnTo>
                    <a:pt x="780519" y="264302"/>
                  </a:lnTo>
                  <a:lnTo>
                    <a:pt x="844917" y="257325"/>
                  </a:lnTo>
                  <a:lnTo>
                    <a:pt x="913982" y="252965"/>
                  </a:lnTo>
                  <a:lnTo>
                    <a:pt x="986789" y="251459"/>
                  </a:lnTo>
                  <a:lnTo>
                    <a:pt x="1059597" y="252965"/>
                  </a:lnTo>
                  <a:lnTo>
                    <a:pt x="1128662" y="257325"/>
                  </a:lnTo>
                  <a:lnTo>
                    <a:pt x="1193060" y="264302"/>
                  </a:lnTo>
                  <a:lnTo>
                    <a:pt x="1251868" y="273659"/>
                  </a:lnTo>
                  <a:lnTo>
                    <a:pt x="1304163" y="285159"/>
                  </a:lnTo>
                  <a:lnTo>
                    <a:pt x="1349020" y="298566"/>
                  </a:lnTo>
                  <a:lnTo>
                    <a:pt x="1385517" y="313642"/>
                  </a:lnTo>
                  <a:lnTo>
                    <a:pt x="1429734" y="347857"/>
                  </a:lnTo>
                  <a:lnTo>
                    <a:pt x="1435608" y="366521"/>
                  </a:lnTo>
                  <a:lnTo>
                    <a:pt x="1429734" y="385186"/>
                  </a:lnTo>
                  <a:lnTo>
                    <a:pt x="1385517" y="419401"/>
                  </a:lnTo>
                  <a:lnTo>
                    <a:pt x="1349020" y="434477"/>
                  </a:lnTo>
                  <a:lnTo>
                    <a:pt x="1304163" y="447884"/>
                  </a:lnTo>
                  <a:lnTo>
                    <a:pt x="1251868" y="459384"/>
                  </a:lnTo>
                  <a:lnTo>
                    <a:pt x="1193060" y="468741"/>
                  </a:lnTo>
                  <a:lnTo>
                    <a:pt x="1128662" y="475718"/>
                  </a:lnTo>
                  <a:lnTo>
                    <a:pt x="1059597" y="480078"/>
                  </a:lnTo>
                  <a:lnTo>
                    <a:pt x="986789" y="481583"/>
                  </a:lnTo>
                  <a:lnTo>
                    <a:pt x="913982" y="480078"/>
                  </a:lnTo>
                  <a:lnTo>
                    <a:pt x="844917" y="475718"/>
                  </a:lnTo>
                  <a:lnTo>
                    <a:pt x="780519" y="468741"/>
                  </a:lnTo>
                  <a:lnTo>
                    <a:pt x="721711" y="459384"/>
                  </a:lnTo>
                  <a:lnTo>
                    <a:pt x="669416" y="447884"/>
                  </a:lnTo>
                  <a:lnTo>
                    <a:pt x="624559" y="434477"/>
                  </a:lnTo>
                  <a:lnTo>
                    <a:pt x="588062" y="419401"/>
                  </a:lnTo>
                  <a:lnTo>
                    <a:pt x="543845" y="385186"/>
                  </a:lnTo>
                  <a:lnTo>
                    <a:pt x="537972" y="366521"/>
                  </a:lnTo>
                  <a:close/>
                </a:path>
                <a:path w="1964689" h="481964">
                  <a:moveTo>
                    <a:pt x="669035" y="365759"/>
                  </a:moveTo>
                  <a:lnTo>
                    <a:pt x="737516" y="340026"/>
                  </a:lnTo>
                  <a:lnTo>
                    <a:pt x="785784" y="333653"/>
                  </a:lnTo>
                  <a:lnTo>
                    <a:pt x="843651" y="328795"/>
                  </a:lnTo>
                  <a:lnTo>
                    <a:pt x="909245" y="325699"/>
                  </a:lnTo>
                  <a:lnTo>
                    <a:pt x="980694" y="324611"/>
                  </a:lnTo>
                  <a:lnTo>
                    <a:pt x="1052142" y="325699"/>
                  </a:lnTo>
                  <a:lnTo>
                    <a:pt x="1117736" y="328795"/>
                  </a:lnTo>
                  <a:lnTo>
                    <a:pt x="1175603" y="333653"/>
                  </a:lnTo>
                  <a:lnTo>
                    <a:pt x="1223871" y="340026"/>
                  </a:lnTo>
                  <a:lnTo>
                    <a:pt x="1284118" y="356326"/>
                  </a:lnTo>
                  <a:lnTo>
                    <a:pt x="1292352" y="365759"/>
                  </a:lnTo>
                  <a:lnTo>
                    <a:pt x="1284118" y="375193"/>
                  </a:lnTo>
                  <a:lnTo>
                    <a:pt x="1223871" y="391493"/>
                  </a:lnTo>
                  <a:lnTo>
                    <a:pt x="1175603" y="397866"/>
                  </a:lnTo>
                  <a:lnTo>
                    <a:pt x="1117736" y="402724"/>
                  </a:lnTo>
                  <a:lnTo>
                    <a:pt x="1052142" y="405820"/>
                  </a:lnTo>
                  <a:lnTo>
                    <a:pt x="980694" y="406907"/>
                  </a:lnTo>
                  <a:lnTo>
                    <a:pt x="909245" y="405820"/>
                  </a:lnTo>
                  <a:lnTo>
                    <a:pt x="843651" y="402724"/>
                  </a:lnTo>
                  <a:lnTo>
                    <a:pt x="785784" y="397866"/>
                  </a:lnTo>
                  <a:lnTo>
                    <a:pt x="737516" y="391493"/>
                  </a:lnTo>
                  <a:lnTo>
                    <a:pt x="677269" y="375193"/>
                  </a:lnTo>
                  <a:lnTo>
                    <a:pt x="669035" y="365759"/>
                  </a:lnTo>
                  <a:close/>
                </a:path>
                <a:path w="1964689" h="481964">
                  <a:moveTo>
                    <a:pt x="922019" y="359663"/>
                  </a:moveTo>
                  <a:lnTo>
                    <a:pt x="927103" y="350766"/>
                  </a:lnTo>
                  <a:lnTo>
                    <a:pt x="940974" y="343500"/>
                  </a:lnTo>
                  <a:lnTo>
                    <a:pt x="961560" y="338600"/>
                  </a:lnTo>
                  <a:lnTo>
                    <a:pt x="986789" y="336803"/>
                  </a:lnTo>
                  <a:lnTo>
                    <a:pt x="1012019" y="338600"/>
                  </a:lnTo>
                  <a:lnTo>
                    <a:pt x="1032605" y="343500"/>
                  </a:lnTo>
                  <a:lnTo>
                    <a:pt x="1046476" y="350766"/>
                  </a:lnTo>
                  <a:lnTo>
                    <a:pt x="1051559" y="359663"/>
                  </a:lnTo>
                  <a:lnTo>
                    <a:pt x="1046476" y="368561"/>
                  </a:lnTo>
                  <a:lnTo>
                    <a:pt x="1032605" y="375827"/>
                  </a:lnTo>
                  <a:lnTo>
                    <a:pt x="1012019" y="380727"/>
                  </a:lnTo>
                  <a:lnTo>
                    <a:pt x="986789" y="382523"/>
                  </a:lnTo>
                  <a:lnTo>
                    <a:pt x="961560" y="380727"/>
                  </a:lnTo>
                  <a:lnTo>
                    <a:pt x="940974" y="375827"/>
                  </a:lnTo>
                  <a:lnTo>
                    <a:pt x="927103" y="368561"/>
                  </a:lnTo>
                  <a:lnTo>
                    <a:pt x="922019" y="359663"/>
                  </a:lnTo>
                  <a:close/>
                </a:path>
                <a:path w="1964689" h="481964">
                  <a:moveTo>
                    <a:pt x="1066800" y="115061"/>
                  </a:moveTo>
                  <a:lnTo>
                    <a:pt x="1089678" y="78692"/>
                  </a:lnTo>
                  <a:lnTo>
                    <a:pt x="1153387" y="47106"/>
                  </a:lnTo>
                  <a:lnTo>
                    <a:pt x="1198245" y="33699"/>
                  </a:lnTo>
                  <a:lnTo>
                    <a:pt x="1250539" y="22199"/>
                  </a:lnTo>
                  <a:lnTo>
                    <a:pt x="1309347" y="12842"/>
                  </a:lnTo>
                  <a:lnTo>
                    <a:pt x="1373745" y="5865"/>
                  </a:lnTo>
                  <a:lnTo>
                    <a:pt x="1442810" y="1505"/>
                  </a:lnTo>
                  <a:lnTo>
                    <a:pt x="1515618" y="0"/>
                  </a:lnTo>
                  <a:lnTo>
                    <a:pt x="1588425" y="1505"/>
                  </a:lnTo>
                  <a:lnTo>
                    <a:pt x="1657490" y="5865"/>
                  </a:lnTo>
                  <a:lnTo>
                    <a:pt x="1721888" y="12842"/>
                  </a:lnTo>
                  <a:lnTo>
                    <a:pt x="1780696" y="22199"/>
                  </a:lnTo>
                  <a:lnTo>
                    <a:pt x="1832991" y="33699"/>
                  </a:lnTo>
                  <a:lnTo>
                    <a:pt x="1877848" y="47106"/>
                  </a:lnTo>
                  <a:lnTo>
                    <a:pt x="1914345" y="62182"/>
                  </a:lnTo>
                  <a:lnTo>
                    <a:pt x="1958562" y="96397"/>
                  </a:lnTo>
                  <a:lnTo>
                    <a:pt x="1964436" y="115061"/>
                  </a:lnTo>
                  <a:lnTo>
                    <a:pt x="1958562" y="133726"/>
                  </a:lnTo>
                  <a:lnTo>
                    <a:pt x="1914345" y="167941"/>
                  </a:lnTo>
                  <a:lnTo>
                    <a:pt x="1877848" y="183017"/>
                  </a:lnTo>
                  <a:lnTo>
                    <a:pt x="1832990" y="196424"/>
                  </a:lnTo>
                  <a:lnTo>
                    <a:pt x="1780696" y="207924"/>
                  </a:lnTo>
                  <a:lnTo>
                    <a:pt x="1721888" y="217281"/>
                  </a:lnTo>
                  <a:lnTo>
                    <a:pt x="1657490" y="224258"/>
                  </a:lnTo>
                  <a:lnTo>
                    <a:pt x="1588425" y="228618"/>
                  </a:lnTo>
                  <a:lnTo>
                    <a:pt x="1515618" y="230123"/>
                  </a:lnTo>
                  <a:lnTo>
                    <a:pt x="1442810" y="228618"/>
                  </a:lnTo>
                  <a:lnTo>
                    <a:pt x="1373745" y="224258"/>
                  </a:lnTo>
                  <a:lnTo>
                    <a:pt x="1309347" y="217281"/>
                  </a:lnTo>
                  <a:lnTo>
                    <a:pt x="1250539" y="207924"/>
                  </a:lnTo>
                  <a:lnTo>
                    <a:pt x="1198245" y="196424"/>
                  </a:lnTo>
                  <a:lnTo>
                    <a:pt x="1153387" y="183017"/>
                  </a:lnTo>
                  <a:lnTo>
                    <a:pt x="1116890" y="167941"/>
                  </a:lnTo>
                  <a:lnTo>
                    <a:pt x="1072673" y="133726"/>
                  </a:lnTo>
                  <a:lnTo>
                    <a:pt x="1066800" y="115061"/>
                  </a:lnTo>
                  <a:close/>
                </a:path>
                <a:path w="1964689" h="481964">
                  <a:moveTo>
                    <a:pt x="1197864" y="115061"/>
                  </a:moveTo>
                  <a:lnTo>
                    <a:pt x="1266344" y="89804"/>
                  </a:lnTo>
                  <a:lnTo>
                    <a:pt x="1314612" y="83549"/>
                  </a:lnTo>
                  <a:lnTo>
                    <a:pt x="1372479" y="78781"/>
                  </a:lnTo>
                  <a:lnTo>
                    <a:pt x="1438073" y="75742"/>
                  </a:lnTo>
                  <a:lnTo>
                    <a:pt x="1509521" y="74675"/>
                  </a:lnTo>
                  <a:lnTo>
                    <a:pt x="1580970" y="75742"/>
                  </a:lnTo>
                  <a:lnTo>
                    <a:pt x="1646564" y="78781"/>
                  </a:lnTo>
                  <a:lnTo>
                    <a:pt x="1704431" y="83549"/>
                  </a:lnTo>
                  <a:lnTo>
                    <a:pt x="1752699" y="89804"/>
                  </a:lnTo>
                  <a:lnTo>
                    <a:pt x="1812946" y="105802"/>
                  </a:lnTo>
                  <a:lnTo>
                    <a:pt x="1821180" y="115061"/>
                  </a:lnTo>
                  <a:lnTo>
                    <a:pt x="1812946" y="124321"/>
                  </a:lnTo>
                  <a:lnTo>
                    <a:pt x="1752699" y="140319"/>
                  </a:lnTo>
                  <a:lnTo>
                    <a:pt x="1704431" y="146574"/>
                  </a:lnTo>
                  <a:lnTo>
                    <a:pt x="1646564" y="151342"/>
                  </a:lnTo>
                  <a:lnTo>
                    <a:pt x="1580970" y="154381"/>
                  </a:lnTo>
                  <a:lnTo>
                    <a:pt x="1509521" y="155447"/>
                  </a:lnTo>
                  <a:lnTo>
                    <a:pt x="1438073" y="154381"/>
                  </a:lnTo>
                  <a:lnTo>
                    <a:pt x="1372479" y="151342"/>
                  </a:lnTo>
                  <a:lnTo>
                    <a:pt x="1314612" y="146574"/>
                  </a:lnTo>
                  <a:lnTo>
                    <a:pt x="1266344" y="140319"/>
                  </a:lnTo>
                  <a:lnTo>
                    <a:pt x="1206097" y="124321"/>
                  </a:lnTo>
                  <a:lnTo>
                    <a:pt x="1197864" y="115061"/>
                  </a:lnTo>
                  <a:close/>
                </a:path>
                <a:path w="1964689" h="481964">
                  <a:moveTo>
                    <a:pt x="1450848" y="109727"/>
                  </a:moveTo>
                  <a:lnTo>
                    <a:pt x="1455997" y="100830"/>
                  </a:lnTo>
                  <a:lnTo>
                    <a:pt x="1470040" y="93564"/>
                  </a:lnTo>
                  <a:lnTo>
                    <a:pt x="1490870" y="88664"/>
                  </a:lnTo>
                  <a:lnTo>
                    <a:pt x="1516380" y="86867"/>
                  </a:lnTo>
                  <a:lnTo>
                    <a:pt x="1541889" y="88664"/>
                  </a:lnTo>
                  <a:lnTo>
                    <a:pt x="1562719" y="93564"/>
                  </a:lnTo>
                  <a:lnTo>
                    <a:pt x="1576762" y="100830"/>
                  </a:lnTo>
                  <a:lnTo>
                    <a:pt x="1581912" y="109727"/>
                  </a:lnTo>
                  <a:lnTo>
                    <a:pt x="1576762" y="118625"/>
                  </a:lnTo>
                  <a:lnTo>
                    <a:pt x="1562719" y="125891"/>
                  </a:lnTo>
                  <a:lnTo>
                    <a:pt x="1541889" y="130791"/>
                  </a:lnTo>
                  <a:lnTo>
                    <a:pt x="1516380" y="132587"/>
                  </a:lnTo>
                  <a:lnTo>
                    <a:pt x="1490870" y="130791"/>
                  </a:lnTo>
                  <a:lnTo>
                    <a:pt x="1470040" y="125891"/>
                  </a:lnTo>
                  <a:lnTo>
                    <a:pt x="1455997" y="118625"/>
                  </a:lnTo>
                  <a:lnTo>
                    <a:pt x="1450848" y="109727"/>
                  </a:lnTo>
                  <a:close/>
                </a:path>
                <a:path w="1964689" h="481964">
                  <a:moveTo>
                    <a:pt x="0" y="131825"/>
                  </a:moveTo>
                  <a:lnTo>
                    <a:pt x="22880" y="95456"/>
                  </a:lnTo>
                  <a:lnTo>
                    <a:pt x="86594" y="63870"/>
                  </a:lnTo>
                  <a:lnTo>
                    <a:pt x="131454" y="50463"/>
                  </a:lnTo>
                  <a:lnTo>
                    <a:pt x="183750" y="38963"/>
                  </a:lnTo>
                  <a:lnTo>
                    <a:pt x="242558" y="29606"/>
                  </a:lnTo>
                  <a:lnTo>
                    <a:pt x="306955" y="22629"/>
                  </a:lnTo>
                  <a:lnTo>
                    <a:pt x="376016" y="18269"/>
                  </a:lnTo>
                  <a:lnTo>
                    <a:pt x="448817" y="16763"/>
                  </a:lnTo>
                  <a:lnTo>
                    <a:pt x="521625" y="18269"/>
                  </a:lnTo>
                  <a:lnTo>
                    <a:pt x="590690" y="22629"/>
                  </a:lnTo>
                  <a:lnTo>
                    <a:pt x="655088" y="29606"/>
                  </a:lnTo>
                  <a:lnTo>
                    <a:pt x="713896" y="38963"/>
                  </a:lnTo>
                  <a:lnTo>
                    <a:pt x="766190" y="50463"/>
                  </a:lnTo>
                  <a:lnTo>
                    <a:pt x="811048" y="63870"/>
                  </a:lnTo>
                  <a:lnTo>
                    <a:pt x="847545" y="78946"/>
                  </a:lnTo>
                  <a:lnTo>
                    <a:pt x="891762" y="113161"/>
                  </a:lnTo>
                  <a:lnTo>
                    <a:pt x="897636" y="131825"/>
                  </a:lnTo>
                  <a:lnTo>
                    <a:pt x="891762" y="150490"/>
                  </a:lnTo>
                  <a:lnTo>
                    <a:pt x="847545" y="184705"/>
                  </a:lnTo>
                  <a:lnTo>
                    <a:pt x="811048" y="199781"/>
                  </a:lnTo>
                  <a:lnTo>
                    <a:pt x="766190" y="213188"/>
                  </a:lnTo>
                  <a:lnTo>
                    <a:pt x="713896" y="224688"/>
                  </a:lnTo>
                  <a:lnTo>
                    <a:pt x="655088" y="234045"/>
                  </a:lnTo>
                  <a:lnTo>
                    <a:pt x="590690" y="241022"/>
                  </a:lnTo>
                  <a:lnTo>
                    <a:pt x="521625" y="245382"/>
                  </a:lnTo>
                  <a:lnTo>
                    <a:pt x="448817" y="246887"/>
                  </a:lnTo>
                  <a:lnTo>
                    <a:pt x="376016" y="245382"/>
                  </a:lnTo>
                  <a:lnTo>
                    <a:pt x="306955" y="241022"/>
                  </a:lnTo>
                  <a:lnTo>
                    <a:pt x="242558" y="234045"/>
                  </a:lnTo>
                  <a:lnTo>
                    <a:pt x="183750" y="224688"/>
                  </a:lnTo>
                  <a:lnTo>
                    <a:pt x="131454" y="213188"/>
                  </a:lnTo>
                  <a:lnTo>
                    <a:pt x="86594" y="199781"/>
                  </a:lnTo>
                  <a:lnTo>
                    <a:pt x="50095" y="184705"/>
                  </a:lnTo>
                  <a:lnTo>
                    <a:pt x="5874" y="150490"/>
                  </a:lnTo>
                  <a:lnTo>
                    <a:pt x="0" y="131825"/>
                  </a:lnTo>
                  <a:close/>
                </a:path>
                <a:path w="1964689" h="481964">
                  <a:moveTo>
                    <a:pt x="131063" y="131825"/>
                  </a:moveTo>
                  <a:lnTo>
                    <a:pt x="199364" y="106568"/>
                  </a:lnTo>
                  <a:lnTo>
                    <a:pt x="247510" y="100313"/>
                  </a:lnTo>
                  <a:lnTo>
                    <a:pt x="305235" y="95545"/>
                  </a:lnTo>
                  <a:lnTo>
                    <a:pt x="370674" y="92506"/>
                  </a:lnTo>
                  <a:lnTo>
                    <a:pt x="441959" y="91439"/>
                  </a:lnTo>
                  <a:lnTo>
                    <a:pt x="513245" y="92506"/>
                  </a:lnTo>
                  <a:lnTo>
                    <a:pt x="578684" y="95545"/>
                  </a:lnTo>
                  <a:lnTo>
                    <a:pt x="636409" y="100313"/>
                  </a:lnTo>
                  <a:lnTo>
                    <a:pt x="684555" y="106568"/>
                  </a:lnTo>
                  <a:lnTo>
                    <a:pt x="744645" y="122566"/>
                  </a:lnTo>
                  <a:lnTo>
                    <a:pt x="752856" y="131825"/>
                  </a:lnTo>
                  <a:lnTo>
                    <a:pt x="744645" y="141085"/>
                  </a:lnTo>
                  <a:lnTo>
                    <a:pt x="684555" y="157083"/>
                  </a:lnTo>
                  <a:lnTo>
                    <a:pt x="636409" y="163338"/>
                  </a:lnTo>
                  <a:lnTo>
                    <a:pt x="578684" y="168106"/>
                  </a:lnTo>
                  <a:lnTo>
                    <a:pt x="513245" y="171145"/>
                  </a:lnTo>
                  <a:lnTo>
                    <a:pt x="441959" y="172211"/>
                  </a:lnTo>
                  <a:lnTo>
                    <a:pt x="370674" y="171145"/>
                  </a:lnTo>
                  <a:lnTo>
                    <a:pt x="305235" y="168106"/>
                  </a:lnTo>
                  <a:lnTo>
                    <a:pt x="247510" y="163338"/>
                  </a:lnTo>
                  <a:lnTo>
                    <a:pt x="199364" y="157083"/>
                  </a:lnTo>
                  <a:lnTo>
                    <a:pt x="139274" y="141085"/>
                  </a:lnTo>
                  <a:lnTo>
                    <a:pt x="131063" y="131825"/>
                  </a:lnTo>
                  <a:close/>
                </a:path>
                <a:path w="1964689" h="481964">
                  <a:moveTo>
                    <a:pt x="382523" y="126491"/>
                  </a:moveTo>
                  <a:lnTo>
                    <a:pt x="387673" y="117594"/>
                  </a:lnTo>
                  <a:lnTo>
                    <a:pt x="401716" y="110328"/>
                  </a:lnTo>
                  <a:lnTo>
                    <a:pt x="422546" y="105428"/>
                  </a:lnTo>
                  <a:lnTo>
                    <a:pt x="448056" y="103631"/>
                  </a:lnTo>
                  <a:lnTo>
                    <a:pt x="473565" y="105428"/>
                  </a:lnTo>
                  <a:lnTo>
                    <a:pt x="494395" y="110328"/>
                  </a:lnTo>
                  <a:lnTo>
                    <a:pt x="508438" y="117594"/>
                  </a:lnTo>
                  <a:lnTo>
                    <a:pt x="513588" y="126491"/>
                  </a:lnTo>
                  <a:lnTo>
                    <a:pt x="508438" y="135389"/>
                  </a:lnTo>
                  <a:lnTo>
                    <a:pt x="494395" y="142655"/>
                  </a:lnTo>
                  <a:lnTo>
                    <a:pt x="473565" y="147555"/>
                  </a:lnTo>
                  <a:lnTo>
                    <a:pt x="448056" y="149351"/>
                  </a:lnTo>
                  <a:lnTo>
                    <a:pt x="422546" y="147555"/>
                  </a:lnTo>
                  <a:lnTo>
                    <a:pt x="401716" y="142655"/>
                  </a:lnTo>
                  <a:lnTo>
                    <a:pt x="387673" y="135389"/>
                  </a:lnTo>
                  <a:lnTo>
                    <a:pt x="382523" y="126491"/>
                  </a:lnTo>
                  <a:close/>
                </a:path>
              </a:pathLst>
            </a:custGeom>
            <a:ln w="6096">
              <a:solidFill>
                <a:srgbClr val="000000"/>
              </a:solidFill>
              <a:prstDash val="lgDash"/>
            </a:ln>
          </p:spPr>
          <p:txBody>
            <a:bodyPr wrap="square" lIns="0" tIns="0" rIns="0" bIns="0" rtlCol="0"/>
            <a:lstStyle/>
            <a:p>
              <a:endParaRPr/>
            </a:p>
          </p:txBody>
        </p:sp>
        <p:sp>
          <p:nvSpPr>
            <p:cNvPr id="9" name="object 9"/>
            <p:cNvSpPr/>
            <p:nvPr/>
          </p:nvSpPr>
          <p:spPr>
            <a:xfrm>
              <a:off x="399757" y="5171821"/>
              <a:ext cx="1157605" cy="588645"/>
            </a:xfrm>
            <a:custGeom>
              <a:avLst/>
              <a:gdLst/>
              <a:ahLst/>
              <a:cxnLst/>
              <a:rect l="l" t="t" r="r" b="b"/>
              <a:pathLst>
                <a:path w="1157605" h="588645">
                  <a:moveTo>
                    <a:pt x="50927" y="0"/>
                  </a:moveTo>
                  <a:lnTo>
                    <a:pt x="0" y="129412"/>
                  </a:lnTo>
                  <a:lnTo>
                    <a:pt x="1002703" y="523887"/>
                  </a:lnTo>
                  <a:lnTo>
                    <a:pt x="977176" y="588606"/>
                  </a:lnTo>
                  <a:lnTo>
                    <a:pt x="1157516" y="510082"/>
                  </a:lnTo>
                  <a:lnTo>
                    <a:pt x="1079030" y="329691"/>
                  </a:lnTo>
                  <a:lnTo>
                    <a:pt x="1053630" y="394461"/>
                  </a:lnTo>
                  <a:lnTo>
                    <a:pt x="50927" y="0"/>
                  </a:lnTo>
                  <a:close/>
                </a:path>
              </a:pathLst>
            </a:custGeom>
            <a:solidFill>
              <a:srgbClr val="000000"/>
            </a:solidFill>
          </p:spPr>
          <p:txBody>
            <a:bodyPr wrap="square" lIns="0" tIns="0" rIns="0" bIns="0" rtlCol="0"/>
            <a:lstStyle/>
            <a:p>
              <a:endParaRPr/>
            </a:p>
          </p:txBody>
        </p:sp>
        <p:sp>
          <p:nvSpPr>
            <p:cNvPr id="10" name="object 10"/>
            <p:cNvSpPr/>
            <p:nvPr/>
          </p:nvSpPr>
          <p:spPr>
            <a:xfrm>
              <a:off x="399757" y="5171821"/>
              <a:ext cx="1157605" cy="588645"/>
            </a:xfrm>
            <a:custGeom>
              <a:avLst/>
              <a:gdLst/>
              <a:ahLst/>
              <a:cxnLst/>
              <a:rect l="l" t="t" r="r" b="b"/>
              <a:pathLst>
                <a:path w="1157605" h="588645">
                  <a:moveTo>
                    <a:pt x="977176" y="588606"/>
                  </a:moveTo>
                  <a:lnTo>
                    <a:pt x="1002703" y="523887"/>
                  </a:lnTo>
                  <a:lnTo>
                    <a:pt x="0" y="129412"/>
                  </a:lnTo>
                  <a:lnTo>
                    <a:pt x="50927" y="0"/>
                  </a:lnTo>
                  <a:lnTo>
                    <a:pt x="1053630" y="394461"/>
                  </a:lnTo>
                  <a:lnTo>
                    <a:pt x="1079030" y="329691"/>
                  </a:lnTo>
                  <a:lnTo>
                    <a:pt x="1157516" y="510082"/>
                  </a:lnTo>
                  <a:lnTo>
                    <a:pt x="977176" y="588606"/>
                  </a:lnTo>
                  <a:close/>
                </a:path>
              </a:pathLst>
            </a:custGeom>
            <a:ln w="12700">
              <a:solidFill>
                <a:srgbClr val="000000"/>
              </a:solidFill>
            </a:ln>
          </p:spPr>
          <p:txBody>
            <a:bodyPr wrap="square" lIns="0" tIns="0" rIns="0" bIns="0" rtlCol="0"/>
            <a:lstStyle/>
            <a:p>
              <a:endParaRPr/>
            </a:p>
          </p:txBody>
        </p:sp>
        <p:pic>
          <p:nvPicPr>
            <p:cNvPr id="11" name="object 11"/>
            <p:cNvPicPr/>
            <p:nvPr/>
          </p:nvPicPr>
          <p:blipFill>
            <a:blip r:embed="rId2" cstate="print"/>
            <a:stretch>
              <a:fillRect/>
            </a:stretch>
          </p:blipFill>
          <p:spPr>
            <a:xfrm>
              <a:off x="-373777" y="4959780"/>
              <a:ext cx="585692" cy="469533"/>
            </a:xfrm>
            <a:prstGeom prst="rect">
              <a:avLst/>
            </a:prstGeom>
          </p:spPr>
        </p:pic>
        <p:pic>
          <p:nvPicPr>
            <p:cNvPr id="12" name="object 12"/>
            <p:cNvPicPr/>
            <p:nvPr/>
          </p:nvPicPr>
          <p:blipFill>
            <a:blip r:embed="rId3" cstate="print"/>
            <a:stretch>
              <a:fillRect/>
            </a:stretch>
          </p:blipFill>
          <p:spPr>
            <a:xfrm>
              <a:off x="-683528" y="4269551"/>
              <a:ext cx="720852" cy="632460"/>
            </a:xfrm>
            <a:prstGeom prst="rect">
              <a:avLst/>
            </a:prstGeom>
          </p:spPr>
        </p:pic>
        <p:pic>
          <p:nvPicPr>
            <p:cNvPr id="13" name="object 13"/>
            <p:cNvPicPr/>
            <p:nvPr/>
          </p:nvPicPr>
          <p:blipFill>
            <a:blip r:embed="rId3" cstate="print"/>
            <a:stretch>
              <a:fillRect/>
            </a:stretch>
          </p:blipFill>
          <p:spPr>
            <a:xfrm>
              <a:off x="104366" y="4303575"/>
              <a:ext cx="720852" cy="630936"/>
            </a:xfrm>
            <a:prstGeom prst="rect">
              <a:avLst/>
            </a:prstGeom>
          </p:spPr>
        </p:pic>
      </p:grpSp>
      <p:sp>
        <p:nvSpPr>
          <p:cNvPr id="14" name="object 14"/>
          <p:cNvSpPr txBox="1"/>
          <p:nvPr/>
        </p:nvSpPr>
        <p:spPr>
          <a:xfrm>
            <a:off x="4615380" y="4177440"/>
            <a:ext cx="7433924" cy="2029595"/>
          </a:xfrm>
          <a:prstGeom prst="rect">
            <a:avLst/>
          </a:prstGeom>
        </p:spPr>
        <p:txBody>
          <a:bodyPr vert="horz" wrap="square" lIns="0" tIns="12700" rIns="0" bIns="0" rtlCol="0">
            <a:spAutoFit/>
          </a:bodyPr>
          <a:lstStyle/>
          <a:p>
            <a:pPr marL="12700">
              <a:spcBef>
                <a:spcPts val="100"/>
              </a:spcBef>
            </a:pPr>
            <a:r>
              <a:rPr lang="ja-JP" altLang="en-US" spc="-10" dirty="0">
                <a:latin typeface="メイリオ"/>
                <a:cs typeface="メイリオ"/>
              </a:rPr>
              <a:t>　　</a:t>
            </a:r>
            <a:r>
              <a:rPr spc="-10" dirty="0" err="1">
                <a:latin typeface="メイリオ"/>
                <a:cs typeface="メイリオ"/>
              </a:rPr>
              <a:t>池に石</a:t>
            </a:r>
            <a:r>
              <a:rPr spc="-45" dirty="0">
                <a:latin typeface="Century Gothic"/>
                <a:cs typeface="Century Gothic"/>
              </a:rPr>
              <a:t>(</a:t>
            </a:r>
            <a:r>
              <a:rPr spc="-10" dirty="0">
                <a:latin typeface="メイリオ"/>
                <a:cs typeface="メイリオ"/>
              </a:rPr>
              <a:t>入力</a:t>
            </a:r>
            <a:r>
              <a:rPr spc="-30" dirty="0">
                <a:latin typeface="Century Gothic"/>
                <a:cs typeface="Century Gothic"/>
              </a:rPr>
              <a:t>)</a:t>
            </a:r>
            <a:r>
              <a:rPr spc="-10" dirty="0">
                <a:latin typeface="メイリオ"/>
                <a:cs typeface="メイリオ"/>
              </a:rPr>
              <a:t>を入れると、波紋が生じる･･････</a:t>
            </a:r>
            <a:endParaRPr dirty="0">
              <a:latin typeface="メイリオ"/>
              <a:cs typeface="メイリオ"/>
            </a:endParaRPr>
          </a:p>
          <a:p>
            <a:pPr marL="12700">
              <a:spcBef>
                <a:spcPts val="5"/>
              </a:spcBef>
            </a:pPr>
            <a:r>
              <a:rPr lang="ja-JP" altLang="en-US" dirty="0">
                <a:latin typeface="Century Gothic"/>
                <a:cs typeface="Century Gothic"/>
              </a:rPr>
              <a:t>　　　</a:t>
            </a:r>
            <a:r>
              <a:rPr dirty="0">
                <a:latin typeface="Century Gothic"/>
                <a:cs typeface="Century Gothic"/>
              </a:rPr>
              <a:t>→</a:t>
            </a:r>
            <a:r>
              <a:rPr spc="-5" dirty="0">
                <a:latin typeface="メイリオ"/>
                <a:cs typeface="メイリオ"/>
              </a:rPr>
              <a:t>石を投げ入れる順番によって波紋は異なる！</a:t>
            </a:r>
            <a:endParaRPr dirty="0">
              <a:latin typeface="メイリオ"/>
              <a:cs typeface="メイリオ"/>
            </a:endParaRPr>
          </a:p>
          <a:p>
            <a:pPr marL="114300" marR="131445">
              <a:lnSpc>
                <a:spcPct val="103899"/>
              </a:lnSpc>
              <a:spcBef>
                <a:spcPts val="930"/>
              </a:spcBef>
            </a:pPr>
            <a:r>
              <a:rPr lang="ja-JP" altLang="en-US" spc="-5" dirty="0">
                <a:latin typeface="メイリオ"/>
                <a:cs typeface="メイリオ"/>
              </a:rPr>
              <a:t>　  </a:t>
            </a:r>
            <a:r>
              <a:rPr spc="-5" dirty="0" err="1">
                <a:latin typeface="メイリオ"/>
                <a:cs typeface="メイリオ"/>
              </a:rPr>
              <a:t>波紋を見ればそこから入力情報について分析</a:t>
            </a:r>
            <a:r>
              <a:rPr dirty="0" err="1">
                <a:latin typeface="メイリオ"/>
                <a:cs typeface="メイリオ"/>
              </a:rPr>
              <a:t>できる</a:t>
            </a:r>
            <a:r>
              <a:rPr spc="-20" dirty="0">
                <a:latin typeface="Century Gothic"/>
                <a:cs typeface="Century Gothic"/>
              </a:rPr>
              <a:t>(</a:t>
            </a:r>
            <a:r>
              <a:rPr spc="-20" dirty="0">
                <a:latin typeface="ＭＳ ゴシック"/>
                <a:cs typeface="ＭＳ ゴシック"/>
              </a:rPr>
              <a:t>※</a:t>
            </a:r>
            <a:r>
              <a:rPr spc="-20" dirty="0">
                <a:latin typeface="Century Gothic"/>
                <a:cs typeface="Century Gothic"/>
              </a:rPr>
              <a:t>)</a:t>
            </a:r>
            <a:r>
              <a:rPr spc="-20" dirty="0">
                <a:latin typeface="メイリオ"/>
                <a:cs typeface="メイリオ"/>
              </a:rPr>
              <a:t>！</a:t>
            </a:r>
            <a:endParaRPr dirty="0">
              <a:latin typeface="メイリオ"/>
              <a:cs typeface="メイリオ"/>
            </a:endParaRPr>
          </a:p>
          <a:p>
            <a:pPr marL="12700" marR="710565">
              <a:lnSpc>
                <a:spcPts val="1670"/>
              </a:lnSpc>
              <a:spcBef>
                <a:spcPts val="1605"/>
              </a:spcBef>
            </a:pPr>
            <a:endParaRPr lang="en-US" sz="1400" b="1" dirty="0">
              <a:latin typeface="ＭＳ ゴシック"/>
              <a:cs typeface="ＭＳ ゴシック"/>
            </a:endParaRPr>
          </a:p>
          <a:p>
            <a:pPr marL="12700" marR="710565">
              <a:lnSpc>
                <a:spcPts val="1670"/>
              </a:lnSpc>
              <a:spcBef>
                <a:spcPts val="1605"/>
              </a:spcBef>
            </a:pPr>
            <a:r>
              <a:rPr sz="1400" b="1" dirty="0">
                <a:latin typeface="ＭＳ ゴシック"/>
                <a:cs typeface="ＭＳ ゴシック"/>
              </a:rPr>
              <a:t>※</a:t>
            </a:r>
            <a:r>
              <a:rPr sz="1400" b="1" spc="-20" dirty="0">
                <a:latin typeface="メイリオ"/>
                <a:cs typeface="メイリオ"/>
              </a:rPr>
              <a:t>これは比喩ではなく、実際水槽の波紋を利用して</a:t>
            </a:r>
            <a:r>
              <a:rPr sz="1400" b="1" spc="-10" dirty="0">
                <a:latin typeface="メイリオ"/>
                <a:cs typeface="メイリオ"/>
              </a:rPr>
              <a:t>計算を行った論文も出ている！</a:t>
            </a:r>
            <a:endParaRPr sz="1400" dirty="0">
              <a:latin typeface="メイリオ"/>
              <a:cs typeface="メイリオ"/>
            </a:endParaRPr>
          </a:p>
          <a:p>
            <a:pPr marL="160020" marR="1773555" indent="36195">
              <a:spcBef>
                <a:spcPts val="355"/>
              </a:spcBef>
            </a:pPr>
            <a:r>
              <a:rPr sz="1050" dirty="0">
                <a:latin typeface="ＭＳ ゴシック"/>
                <a:cs typeface="ＭＳ ゴシック"/>
              </a:rPr>
              <a:t>※</a:t>
            </a:r>
            <a:r>
              <a:rPr sz="1050" dirty="0">
                <a:latin typeface="Century Gothic"/>
                <a:cs typeface="Century Gothic"/>
              </a:rPr>
              <a:t>6</a:t>
            </a:r>
            <a:r>
              <a:rPr sz="1050" spc="-25" dirty="0">
                <a:latin typeface="Century Gothic"/>
                <a:cs typeface="Century Gothic"/>
              </a:rPr>
              <a:t> </a:t>
            </a:r>
            <a:r>
              <a:rPr sz="1050" dirty="0">
                <a:latin typeface="Century Gothic"/>
                <a:cs typeface="Century Gothic"/>
              </a:rPr>
              <a:t>Fernando</a:t>
            </a:r>
            <a:r>
              <a:rPr sz="1050" spc="-30" dirty="0">
                <a:latin typeface="Century Gothic"/>
                <a:cs typeface="Century Gothic"/>
              </a:rPr>
              <a:t> </a:t>
            </a:r>
            <a:r>
              <a:rPr sz="1050" dirty="0">
                <a:latin typeface="Century Gothic"/>
                <a:cs typeface="Century Gothic"/>
              </a:rPr>
              <a:t>C.</a:t>
            </a:r>
            <a:r>
              <a:rPr sz="1050" spc="-40" dirty="0">
                <a:latin typeface="Century Gothic"/>
                <a:cs typeface="Century Gothic"/>
              </a:rPr>
              <a:t> </a:t>
            </a:r>
            <a:r>
              <a:rPr sz="1050" dirty="0">
                <a:latin typeface="Century Gothic"/>
                <a:cs typeface="Century Gothic"/>
              </a:rPr>
              <a:t>et</a:t>
            </a:r>
            <a:r>
              <a:rPr sz="1050" spc="-10" dirty="0">
                <a:latin typeface="Century Gothic"/>
                <a:cs typeface="Century Gothic"/>
              </a:rPr>
              <a:t> </a:t>
            </a:r>
            <a:r>
              <a:rPr sz="1050" dirty="0">
                <a:latin typeface="Century Gothic"/>
                <a:cs typeface="Century Gothic"/>
              </a:rPr>
              <a:t>al.,</a:t>
            </a:r>
            <a:r>
              <a:rPr sz="1050" spc="-30" dirty="0">
                <a:latin typeface="Century Gothic"/>
                <a:cs typeface="Century Gothic"/>
              </a:rPr>
              <a:t> </a:t>
            </a:r>
            <a:r>
              <a:rPr sz="1050" b="1" dirty="0">
                <a:latin typeface="Century Gothic"/>
                <a:cs typeface="Century Gothic"/>
              </a:rPr>
              <a:t>Advances</a:t>
            </a:r>
            <a:r>
              <a:rPr sz="1050" b="1" spc="-35" dirty="0">
                <a:latin typeface="Century Gothic"/>
                <a:cs typeface="Century Gothic"/>
              </a:rPr>
              <a:t> </a:t>
            </a:r>
            <a:r>
              <a:rPr sz="1050" b="1" dirty="0">
                <a:latin typeface="Century Gothic"/>
                <a:cs typeface="Century Gothic"/>
              </a:rPr>
              <a:t>in</a:t>
            </a:r>
            <a:r>
              <a:rPr sz="1050" b="1" spc="-10" dirty="0">
                <a:latin typeface="Century Gothic"/>
                <a:cs typeface="Century Gothic"/>
              </a:rPr>
              <a:t> Artificial </a:t>
            </a:r>
            <a:r>
              <a:rPr sz="1050" b="1" dirty="0">
                <a:latin typeface="Century Gothic"/>
                <a:cs typeface="Century Gothic"/>
              </a:rPr>
              <a:t>Life</a:t>
            </a:r>
            <a:r>
              <a:rPr sz="1050" b="1" spc="10" dirty="0">
                <a:latin typeface="Century Gothic"/>
                <a:cs typeface="Century Gothic"/>
              </a:rPr>
              <a:t> </a:t>
            </a:r>
            <a:r>
              <a:rPr sz="1050" spc="-10" dirty="0">
                <a:latin typeface="Century Gothic"/>
                <a:cs typeface="Century Gothic"/>
              </a:rPr>
              <a:t>p588-597(2003)</a:t>
            </a:r>
            <a:endParaRPr sz="1050" dirty="0">
              <a:latin typeface="Century Gothic"/>
              <a:cs typeface="Century Gothic"/>
            </a:endParaRPr>
          </a:p>
        </p:txBody>
      </p:sp>
      <p:sp>
        <p:nvSpPr>
          <p:cNvPr id="15" name="object 15"/>
          <p:cNvSpPr/>
          <p:nvPr/>
        </p:nvSpPr>
        <p:spPr>
          <a:xfrm>
            <a:off x="6052565" y="1486661"/>
            <a:ext cx="4226560" cy="1957070"/>
          </a:xfrm>
          <a:custGeom>
            <a:avLst/>
            <a:gdLst/>
            <a:ahLst/>
            <a:cxnLst/>
            <a:rect l="l" t="t" r="r" b="b"/>
            <a:pathLst>
              <a:path w="4226559" h="1957070">
                <a:moveTo>
                  <a:pt x="0" y="326136"/>
                </a:moveTo>
                <a:lnTo>
                  <a:pt x="3536" y="277949"/>
                </a:lnTo>
                <a:lnTo>
                  <a:pt x="13811" y="231956"/>
                </a:lnTo>
                <a:lnTo>
                  <a:pt x="30317" y="188659"/>
                </a:lnTo>
                <a:lnTo>
                  <a:pt x="52551" y="148566"/>
                </a:lnTo>
                <a:lnTo>
                  <a:pt x="80007" y="112180"/>
                </a:lnTo>
                <a:lnTo>
                  <a:pt x="112180" y="80007"/>
                </a:lnTo>
                <a:lnTo>
                  <a:pt x="148566" y="52551"/>
                </a:lnTo>
                <a:lnTo>
                  <a:pt x="188659" y="30317"/>
                </a:lnTo>
                <a:lnTo>
                  <a:pt x="231956" y="13811"/>
                </a:lnTo>
                <a:lnTo>
                  <a:pt x="277949" y="3536"/>
                </a:lnTo>
                <a:lnTo>
                  <a:pt x="326136" y="0"/>
                </a:lnTo>
                <a:lnTo>
                  <a:pt x="3899916" y="0"/>
                </a:lnTo>
                <a:lnTo>
                  <a:pt x="3948102" y="3536"/>
                </a:lnTo>
                <a:lnTo>
                  <a:pt x="3994095" y="13811"/>
                </a:lnTo>
                <a:lnTo>
                  <a:pt x="4037392" y="30317"/>
                </a:lnTo>
                <a:lnTo>
                  <a:pt x="4077485" y="52551"/>
                </a:lnTo>
                <a:lnTo>
                  <a:pt x="4113871" y="80007"/>
                </a:lnTo>
                <a:lnTo>
                  <a:pt x="4146044" y="112180"/>
                </a:lnTo>
                <a:lnTo>
                  <a:pt x="4173500" y="148566"/>
                </a:lnTo>
                <a:lnTo>
                  <a:pt x="4195734" y="188659"/>
                </a:lnTo>
                <a:lnTo>
                  <a:pt x="4212240" y="231956"/>
                </a:lnTo>
                <a:lnTo>
                  <a:pt x="4222515" y="277949"/>
                </a:lnTo>
                <a:lnTo>
                  <a:pt x="4226052" y="326136"/>
                </a:lnTo>
                <a:lnTo>
                  <a:pt x="4226052" y="1630679"/>
                </a:lnTo>
                <a:lnTo>
                  <a:pt x="4222515" y="1678866"/>
                </a:lnTo>
                <a:lnTo>
                  <a:pt x="4212240" y="1724859"/>
                </a:lnTo>
                <a:lnTo>
                  <a:pt x="4195734" y="1768156"/>
                </a:lnTo>
                <a:lnTo>
                  <a:pt x="4173500" y="1808249"/>
                </a:lnTo>
                <a:lnTo>
                  <a:pt x="4146044" y="1844635"/>
                </a:lnTo>
                <a:lnTo>
                  <a:pt x="4113871" y="1876808"/>
                </a:lnTo>
                <a:lnTo>
                  <a:pt x="4077485" y="1904264"/>
                </a:lnTo>
                <a:lnTo>
                  <a:pt x="4037392" y="1926498"/>
                </a:lnTo>
                <a:lnTo>
                  <a:pt x="3994095" y="1943004"/>
                </a:lnTo>
                <a:lnTo>
                  <a:pt x="3948102" y="1953279"/>
                </a:lnTo>
                <a:lnTo>
                  <a:pt x="3899916" y="1956815"/>
                </a:lnTo>
                <a:lnTo>
                  <a:pt x="326136" y="1956815"/>
                </a:lnTo>
                <a:lnTo>
                  <a:pt x="277949" y="1953279"/>
                </a:lnTo>
                <a:lnTo>
                  <a:pt x="231956" y="1943004"/>
                </a:lnTo>
                <a:lnTo>
                  <a:pt x="188659" y="1926498"/>
                </a:lnTo>
                <a:lnTo>
                  <a:pt x="148566" y="1904264"/>
                </a:lnTo>
                <a:lnTo>
                  <a:pt x="112180" y="1876808"/>
                </a:lnTo>
                <a:lnTo>
                  <a:pt x="80007" y="1844635"/>
                </a:lnTo>
                <a:lnTo>
                  <a:pt x="52551" y="1808249"/>
                </a:lnTo>
                <a:lnTo>
                  <a:pt x="30317" y="1768156"/>
                </a:lnTo>
                <a:lnTo>
                  <a:pt x="13811" y="1724859"/>
                </a:lnTo>
                <a:lnTo>
                  <a:pt x="3536" y="1678866"/>
                </a:lnTo>
                <a:lnTo>
                  <a:pt x="0" y="1630679"/>
                </a:lnTo>
                <a:lnTo>
                  <a:pt x="0" y="326136"/>
                </a:lnTo>
                <a:close/>
              </a:path>
            </a:pathLst>
          </a:custGeom>
          <a:ln w="28956">
            <a:solidFill>
              <a:srgbClr val="000000"/>
            </a:solidFill>
            <a:prstDash val="sysDash"/>
          </a:ln>
        </p:spPr>
        <p:txBody>
          <a:bodyPr wrap="square" lIns="0" tIns="0" rIns="0" bIns="0" rtlCol="0"/>
          <a:lstStyle/>
          <a:p>
            <a:endParaRPr/>
          </a:p>
        </p:txBody>
      </p:sp>
      <p:sp>
        <p:nvSpPr>
          <p:cNvPr id="16" name="object 16"/>
          <p:cNvSpPr txBox="1"/>
          <p:nvPr/>
        </p:nvSpPr>
        <p:spPr>
          <a:xfrm>
            <a:off x="7197978" y="1077214"/>
            <a:ext cx="2082800" cy="299720"/>
          </a:xfrm>
          <a:prstGeom prst="rect">
            <a:avLst/>
          </a:prstGeom>
        </p:spPr>
        <p:txBody>
          <a:bodyPr vert="horz" wrap="square" lIns="0" tIns="12700" rIns="0" bIns="0" rtlCol="0">
            <a:spAutoFit/>
          </a:bodyPr>
          <a:lstStyle/>
          <a:p>
            <a:pPr marL="12700">
              <a:spcBef>
                <a:spcPts val="100"/>
              </a:spcBef>
            </a:pPr>
            <a:r>
              <a:rPr u="sng" spc="-10" dirty="0">
                <a:uFill>
                  <a:solidFill>
                    <a:srgbClr val="000000"/>
                  </a:solidFill>
                </a:uFill>
                <a:latin typeface="メイリオ"/>
                <a:cs typeface="メイリオ"/>
              </a:rPr>
              <a:t>情報科学による研究</a:t>
            </a:r>
            <a:endParaRPr>
              <a:latin typeface="メイリオ"/>
              <a:cs typeface="メイリオ"/>
            </a:endParaRPr>
          </a:p>
        </p:txBody>
      </p:sp>
      <p:sp>
        <p:nvSpPr>
          <p:cNvPr id="17" name="object 17"/>
          <p:cNvSpPr txBox="1"/>
          <p:nvPr/>
        </p:nvSpPr>
        <p:spPr>
          <a:xfrm>
            <a:off x="6291198" y="2553461"/>
            <a:ext cx="3793490" cy="768350"/>
          </a:xfrm>
          <a:prstGeom prst="rect">
            <a:avLst/>
          </a:prstGeom>
        </p:spPr>
        <p:txBody>
          <a:bodyPr vert="horz" wrap="square" lIns="0" tIns="109220" rIns="0" bIns="0" rtlCol="0">
            <a:spAutoFit/>
          </a:bodyPr>
          <a:lstStyle/>
          <a:p>
            <a:pPr marL="847725">
              <a:spcBef>
                <a:spcPts val="860"/>
              </a:spcBef>
            </a:pPr>
            <a:r>
              <a:rPr dirty="0">
                <a:latin typeface="Century Gothic"/>
                <a:cs typeface="Century Gothic"/>
              </a:rPr>
              <a:t>H</a:t>
            </a:r>
            <a:r>
              <a:rPr spc="15" dirty="0">
                <a:latin typeface="Century Gothic"/>
                <a:cs typeface="Century Gothic"/>
              </a:rPr>
              <a:t>. </a:t>
            </a:r>
            <a:r>
              <a:rPr spc="-20" dirty="0">
                <a:latin typeface="Century Gothic"/>
                <a:cs typeface="Century Gothic"/>
              </a:rPr>
              <a:t>Jaeger</a:t>
            </a:r>
            <a:r>
              <a:rPr sz="1600" spc="-40" dirty="0">
                <a:latin typeface="メイリオ"/>
                <a:cs typeface="メイリオ"/>
              </a:rPr>
              <a:t>博士</a:t>
            </a:r>
            <a:endParaRPr sz="1600">
              <a:latin typeface="メイリオ"/>
              <a:cs typeface="メイリオ"/>
            </a:endParaRPr>
          </a:p>
          <a:p>
            <a:pPr marL="12700">
              <a:spcBef>
                <a:spcPts val="765"/>
              </a:spcBef>
            </a:pPr>
            <a:r>
              <a:rPr b="1" dirty="0">
                <a:latin typeface="メイリオ"/>
                <a:cs typeface="メイリオ"/>
              </a:rPr>
              <a:t>新しい再帰的</a:t>
            </a:r>
            <a:r>
              <a:rPr b="1" spc="-20" dirty="0">
                <a:latin typeface="Century Gothic"/>
                <a:cs typeface="Century Gothic"/>
              </a:rPr>
              <a:t>NN</a:t>
            </a:r>
            <a:r>
              <a:rPr b="1" spc="-10" dirty="0">
                <a:latin typeface="メイリオ"/>
                <a:cs typeface="メイリオ"/>
              </a:rPr>
              <a:t>モデルとして提唱！</a:t>
            </a:r>
            <a:endParaRPr>
              <a:latin typeface="メイリオ"/>
              <a:cs typeface="メイリオ"/>
            </a:endParaRPr>
          </a:p>
        </p:txBody>
      </p:sp>
      <p:sp>
        <p:nvSpPr>
          <p:cNvPr id="18" name="object 18"/>
          <p:cNvSpPr txBox="1"/>
          <p:nvPr/>
        </p:nvSpPr>
        <p:spPr>
          <a:xfrm>
            <a:off x="7061072" y="1537462"/>
            <a:ext cx="2542540" cy="916305"/>
          </a:xfrm>
          <a:prstGeom prst="rect">
            <a:avLst/>
          </a:prstGeom>
        </p:spPr>
        <p:txBody>
          <a:bodyPr vert="horz" wrap="square" lIns="0" tIns="163830" rIns="0" bIns="0" rtlCol="0">
            <a:spAutoFit/>
          </a:bodyPr>
          <a:lstStyle/>
          <a:p>
            <a:pPr marL="12700">
              <a:spcBef>
                <a:spcPts val="1290"/>
              </a:spcBef>
            </a:pPr>
            <a:r>
              <a:rPr b="1" dirty="0">
                <a:latin typeface="Century Gothic"/>
                <a:cs typeface="Century Gothic"/>
              </a:rPr>
              <a:t>Echo</a:t>
            </a:r>
            <a:r>
              <a:rPr b="1" spc="-35" dirty="0">
                <a:latin typeface="Century Gothic"/>
                <a:cs typeface="Century Gothic"/>
              </a:rPr>
              <a:t> </a:t>
            </a:r>
            <a:r>
              <a:rPr b="1" dirty="0">
                <a:latin typeface="Century Gothic"/>
                <a:cs typeface="Century Gothic"/>
              </a:rPr>
              <a:t>State</a:t>
            </a:r>
            <a:r>
              <a:rPr b="1" spc="-30" dirty="0">
                <a:latin typeface="Century Gothic"/>
                <a:cs typeface="Century Gothic"/>
              </a:rPr>
              <a:t> </a:t>
            </a:r>
            <a:r>
              <a:rPr b="1" spc="-10" dirty="0">
                <a:latin typeface="Century Gothic"/>
                <a:cs typeface="Century Gothic"/>
              </a:rPr>
              <a:t>Network</a:t>
            </a:r>
            <a:endParaRPr>
              <a:latin typeface="Century Gothic"/>
              <a:cs typeface="Century Gothic"/>
            </a:endParaRPr>
          </a:p>
          <a:p>
            <a:pPr marL="78105" marR="5080">
              <a:lnSpc>
                <a:spcPts val="1430"/>
              </a:lnSpc>
              <a:spcBef>
                <a:spcPts val="850"/>
              </a:spcBef>
            </a:pPr>
            <a:r>
              <a:rPr sz="1200" dirty="0">
                <a:latin typeface="ＭＳ ゴシック"/>
                <a:cs typeface="ＭＳ ゴシック"/>
              </a:rPr>
              <a:t>※</a:t>
            </a:r>
            <a:r>
              <a:rPr sz="1200" dirty="0">
                <a:latin typeface="Century Gothic"/>
                <a:cs typeface="Century Gothic"/>
              </a:rPr>
              <a:t>5</a:t>
            </a:r>
            <a:r>
              <a:rPr sz="1200" spc="-20" dirty="0">
                <a:latin typeface="Century Gothic"/>
                <a:cs typeface="Century Gothic"/>
              </a:rPr>
              <a:t> </a:t>
            </a:r>
            <a:r>
              <a:rPr sz="1200" dirty="0">
                <a:latin typeface="Century Gothic"/>
                <a:cs typeface="Century Gothic"/>
              </a:rPr>
              <a:t>H. Jaeger</a:t>
            </a:r>
            <a:r>
              <a:rPr sz="1200" spc="-5" dirty="0">
                <a:latin typeface="Century Gothic"/>
                <a:cs typeface="Century Gothic"/>
              </a:rPr>
              <a:t> </a:t>
            </a:r>
            <a:r>
              <a:rPr sz="1200" dirty="0">
                <a:latin typeface="Century Gothic"/>
                <a:cs typeface="Century Gothic"/>
              </a:rPr>
              <a:t>et</a:t>
            </a:r>
            <a:r>
              <a:rPr sz="1200" spc="-10" dirty="0">
                <a:latin typeface="Century Gothic"/>
                <a:cs typeface="Century Gothic"/>
              </a:rPr>
              <a:t> </a:t>
            </a:r>
            <a:r>
              <a:rPr sz="1200" dirty="0">
                <a:latin typeface="Century Gothic"/>
                <a:cs typeface="Century Gothic"/>
              </a:rPr>
              <a:t>al.,</a:t>
            </a:r>
            <a:r>
              <a:rPr sz="1200" spc="-5" dirty="0">
                <a:latin typeface="Century Gothic"/>
                <a:cs typeface="Century Gothic"/>
              </a:rPr>
              <a:t> </a:t>
            </a:r>
            <a:r>
              <a:rPr sz="1200" b="1" i="1" spc="-10" dirty="0">
                <a:latin typeface="Century Gothic"/>
                <a:cs typeface="Century Gothic"/>
              </a:rPr>
              <a:t>Science</a:t>
            </a:r>
            <a:r>
              <a:rPr sz="1200" spc="-10" dirty="0">
                <a:latin typeface="Century Gothic"/>
                <a:cs typeface="Century Gothic"/>
              </a:rPr>
              <a:t>, </a:t>
            </a:r>
            <a:r>
              <a:rPr sz="1200" dirty="0">
                <a:latin typeface="Century Gothic"/>
                <a:cs typeface="Century Gothic"/>
              </a:rPr>
              <a:t>Vol.304.</a:t>
            </a:r>
            <a:r>
              <a:rPr sz="1200" spc="-25" dirty="0">
                <a:latin typeface="Century Gothic"/>
                <a:cs typeface="Century Gothic"/>
              </a:rPr>
              <a:t> </a:t>
            </a:r>
            <a:r>
              <a:rPr sz="1200" dirty="0">
                <a:latin typeface="Century Gothic"/>
                <a:cs typeface="Century Gothic"/>
              </a:rPr>
              <a:t>no.5667, </a:t>
            </a:r>
            <a:r>
              <a:rPr sz="1200" spc="-10" dirty="0">
                <a:latin typeface="Century Gothic"/>
                <a:cs typeface="Century Gothic"/>
              </a:rPr>
              <a:t>pp.78-</a:t>
            </a:r>
            <a:r>
              <a:rPr sz="1200" dirty="0">
                <a:latin typeface="Century Gothic"/>
                <a:cs typeface="Century Gothic"/>
              </a:rPr>
              <a:t>80,</a:t>
            </a:r>
            <a:r>
              <a:rPr sz="1200" spc="-10" dirty="0">
                <a:latin typeface="Century Gothic"/>
                <a:cs typeface="Century Gothic"/>
              </a:rPr>
              <a:t> (</a:t>
            </a:r>
            <a:r>
              <a:rPr sz="1200" b="1" spc="-10" dirty="0">
                <a:latin typeface="Century Gothic"/>
                <a:cs typeface="Century Gothic"/>
              </a:rPr>
              <a:t>2004)</a:t>
            </a:r>
            <a:endParaRPr sz="1200">
              <a:latin typeface="Century Gothic"/>
              <a:cs typeface="Century Gothic"/>
            </a:endParaRPr>
          </a:p>
        </p:txBody>
      </p:sp>
      <p:sp>
        <p:nvSpPr>
          <p:cNvPr id="19" name="object 19"/>
          <p:cNvSpPr/>
          <p:nvPr/>
        </p:nvSpPr>
        <p:spPr>
          <a:xfrm>
            <a:off x="1565909" y="1497331"/>
            <a:ext cx="4226560" cy="1958339"/>
          </a:xfrm>
          <a:custGeom>
            <a:avLst/>
            <a:gdLst/>
            <a:ahLst/>
            <a:cxnLst/>
            <a:rect l="l" t="t" r="r" b="b"/>
            <a:pathLst>
              <a:path w="4226560" h="1958339">
                <a:moveTo>
                  <a:pt x="0" y="326390"/>
                </a:moveTo>
                <a:lnTo>
                  <a:pt x="3538" y="278169"/>
                </a:lnTo>
                <a:lnTo>
                  <a:pt x="13818" y="232141"/>
                </a:lnTo>
                <a:lnTo>
                  <a:pt x="30334" y="188812"/>
                </a:lnTo>
                <a:lnTo>
                  <a:pt x="52582" y="148688"/>
                </a:lnTo>
                <a:lnTo>
                  <a:pt x="80056" y="112273"/>
                </a:lnTo>
                <a:lnTo>
                  <a:pt x="112252" y="80073"/>
                </a:lnTo>
                <a:lnTo>
                  <a:pt x="148665" y="52595"/>
                </a:lnTo>
                <a:lnTo>
                  <a:pt x="188790" y="30343"/>
                </a:lnTo>
                <a:lnTo>
                  <a:pt x="232122" y="13822"/>
                </a:lnTo>
                <a:lnTo>
                  <a:pt x="278157" y="3539"/>
                </a:lnTo>
                <a:lnTo>
                  <a:pt x="326390" y="0"/>
                </a:lnTo>
                <a:lnTo>
                  <a:pt x="3899662" y="0"/>
                </a:lnTo>
                <a:lnTo>
                  <a:pt x="3947882" y="3539"/>
                </a:lnTo>
                <a:lnTo>
                  <a:pt x="3993910" y="13822"/>
                </a:lnTo>
                <a:lnTo>
                  <a:pt x="4037239" y="30343"/>
                </a:lnTo>
                <a:lnTo>
                  <a:pt x="4077363" y="52595"/>
                </a:lnTo>
                <a:lnTo>
                  <a:pt x="4113778" y="80073"/>
                </a:lnTo>
                <a:lnTo>
                  <a:pt x="4145978" y="112273"/>
                </a:lnTo>
                <a:lnTo>
                  <a:pt x="4173456" y="148688"/>
                </a:lnTo>
                <a:lnTo>
                  <a:pt x="4195708" y="188812"/>
                </a:lnTo>
                <a:lnTo>
                  <a:pt x="4212229" y="232141"/>
                </a:lnTo>
                <a:lnTo>
                  <a:pt x="4222512" y="278169"/>
                </a:lnTo>
                <a:lnTo>
                  <a:pt x="4226052" y="326390"/>
                </a:lnTo>
                <a:lnTo>
                  <a:pt x="4226052" y="1631950"/>
                </a:lnTo>
                <a:lnTo>
                  <a:pt x="4222512" y="1680170"/>
                </a:lnTo>
                <a:lnTo>
                  <a:pt x="4212229" y="1726198"/>
                </a:lnTo>
                <a:lnTo>
                  <a:pt x="4195708" y="1769527"/>
                </a:lnTo>
                <a:lnTo>
                  <a:pt x="4173456" y="1809651"/>
                </a:lnTo>
                <a:lnTo>
                  <a:pt x="4145978" y="1846066"/>
                </a:lnTo>
                <a:lnTo>
                  <a:pt x="4113778" y="1878266"/>
                </a:lnTo>
                <a:lnTo>
                  <a:pt x="4077363" y="1905744"/>
                </a:lnTo>
                <a:lnTo>
                  <a:pt x="4037239" y="1927996"/>
                </a:lnTo>
                <a:lnTo>
                  <a:pt x="3993910" y="1944517"/>
                </a:lnTo>
                <a:lnTo>
                  <a:pt x="3947882" y="1954800"/>
                </a:lnTo>
                <a:lnTo>
                  <a:pt x="3899662" y="1958340"/>
                </a:lnTo>
                <a:lnTo>
                  <a:pt x="326390" y="1958340"/>
                </a:lnTo>
                <a:lnTo>
                  <a:pt x="278157" y="1954800"/>
                </a:lnTo>
                <a:lnTo>
                  <a:pt x="232122" y="1944517"/>
                </a:lnTo>
                <a:lnTo>
                  <a:pt x="188790" y="1927996"/>
                </a:lnTo>
                <a:lnTo>
                  <a:pt x="148665" y="1905744"/>
                </a:lnTo>
                <a:lnTo>
                  <a:pt x="112252" y="1878266"/>
                </a:lnTo>
                <a:lnTo>
                  <a:pt x="80056" y="1846066"/>
                </a:lnTo>
                <a:lnTo>
                  <a:pt x="52582" y="1809651"/>
                </a:lnTo>
                <a:lnTo>
                  <a:pt x="30334" y="1769527"/>
                </a:lnTo>
                <a:lnTo>
                  <a:pt x="13818" y="1726198"/>
                </a:lnTo>
                <a:lnTo>
                  <a:pt x="3538" y="1680170"/>
                </a:lnTo>
                <a:lnTo>
                  <a:pt x="0" y="1631950"/>
                </a:lnTo>
                <a:lnTo>
                  <a:pt x="0" y="326390"/>
                </a:lnTo>
                <a:close/>
              </a:path>
            </a:pathLst>
          </a:custGeom>
          <a:ln w="28956">
            <a:solidFill>
              <a:srgbClr val="000000"/>
            </a:solidFill>
            <a:prstDash val="sysDash"/>
          </a:ln>
        </p:spPr>
        <p:txBody>
          <a:bodyPr wrap="square" lIns="0" tIns="0" rIns="0" bIns="0" rtlCol="0"/>
          <a:lstStyle/>
          <a:p>
            <a:endParaRPr/>
          </a:p>
        </p:txBody>
      </p:sp>
      <p:sp>
        <p:nvSpPr>
          <p:cNvPr id="20" name="object 20"/>
          <p:cNvSpPr txBox="1"/>
          <p:nvPr/>
        </p:nvSpPr>
        <p:spPr>
          <a:xfrm>
            <a:off x="2874391" y="1040638"/>
            <a:ext cx="1854200" cy="299720"/>
          </a:xfrm>
          <a:prstGeom prst="rect">
            <a:avLst/>
          </a:prstGeom>
        </p:spPr>
        <p:txBody>
          <a:bodyPr vert="horz" wrap="square" lIns="0" tIns="12700" rIns="0" bIns="0" rtlCol="0">
            <a:spAutoFit/>
          </a:bodyPr>
          <a:lstStyle/>
          <a:p>
            <a:pPr marL="12700">
              <a:spcBef>
                <a:spcPts val="100"/>
              </a:spcBef>
            </a:pPr>
            <a:r>
              <a:rPr u="sng" spc="-10" dirty="0">
                <a:uFill>
                  <a:solidFill>
                    <a:srgbClr val="000000"/>
                  </a:solidFill>
                </a:uFill>
                <a:latin typeface="メイリオ"/>
                <a:cs typeface="メイリオ"/>
              </a:rPr>
              <a:t>脳科学による研究</a:t>
            </a:r>
            <a:endParaRPr>
              <a:latin typeface="メイリオ"/>
              <a:cs typeface="メイリオ"/>
            </a:endParaRPr>
          </a:p>
        </p:txBody>
      </p:sp>
      <p:sp>
        <p:nvSpPr>
          <p:cNvPr id="21" name="object 21"/>
          <p:cNvSpPr txBox="1"/>
          <p:nvPr/>
        </p:nvSpPr>
        <p:spPr>
          <a:xfrm>
            <a:off x="1977034" y="3035046"/>
            <a:ext cx="3225800" cy="299720"/>
          </a:xfrm>
          <a:prstGeom prst="rect">
            <a:avLst/>
          </a:prstGeom>
        </p:spPr>
        <p:txBody>
          <a:bodyPr vert="horz" wrap="square" lIns="0" tIns="12700" rIns="0" bIns="0" rtlCol="0">
            <a:spAutoFit/>
          </a:bodyPr>
          <a:lstStyle/>
          <a:p>
            <a:pPr marL="12700">
              <a:spcBef>
                <a:spcPts val="100"/>
              </a:spcBef>
            </a:pPr>
            <a:r>
              <a:rPr b="1" spc="-5" dirty="0">
                <a:latin typeface="メイリオ"/>
                <a:cs typeface="メイリオ"/>
              </a:rPr>
              <a:t>小脳の計算モデルとして提唱！</a:t>
            </a:r>
            <a:endParaRPr>
              <a:latin typeface="メイリオ"/>
              <a:cs typeface="メイリオ"/>
            </a:endParaRPr>
          </a:p>
        </p:txBody>
      </p:sp>
      <p:sp>
        <p:nvSpPr>
          <p:cNvPr id="22" name="object 22"/>
          <p:cNvSpPr txBox="1"/>
          <p:nvPr/>
        </p:nvSpPr>
        <p:spPr>
          <a:xfrm>
            <a:off x="2269642" y="2558923"/>
            <a:ext cx="1358900" cy="258404"/>
          </a:xfrm>
          <a:prstGeom prst="rect">
            <a:avLst/>
          </a:prstGeom>
        </p:spPr>
        <p:txBody>
          <a:bodyPr vert="horz" wrap="square" lIns="0" tIns="12065" rIns="0" bIns="0" rtlCol="0">
            <a:spAutoFit/>
          </a:bodyPr>
          <a:lstStyle/>
          <a:p>
            <a:pPr marL="12700">
              <a:spcBef>
                <a:spcPts val="95"/>
              </a:spcBef>
            </a:pPr>
            <a:r>
              <a:rPr sz="1600" dirty="0">
                <a:latin typeface="Century Gothic"/>
                <a:cs typeface="Century Gothic"/>
              </a:rPr>
              <a:t>W</a:t>
            </a:r>
            <a:r>
              <a:rPr sz="1600" spc="10" dirty="0">
                <a:latin typeface="Century Gothic"/>
                <a:cs typeface="Century Gothic"/>
              </a:rPr>
              <a:t>. </a:t>
            </a:r>
            <a:r>
              <a:rPr sz="1600" spc="-20" dirty="0">
                <a:latin typeface="Century Gothic"/>
                <a:cs typeface="Century Gothic"/>
              </a:rPr>
              <a:t>Maass</a:t>
            </a:r>
            <a:r>
              <a:rPr sz="1600" spc="-40" dirty="0">
                <a:latin typeface="メイリオ"/>
                <a:cs typeface="メイリオ"/>
              </a:rPr>
              <a:t>博士</a:t>
            </a:r>
            <a:endParaRPr sz="1600">
              <a:latin typeface="メイリオ"/>
              <a:cs typeface="メイリオ"/>
            </a:endParaRPr>
          </a:p>
        </p:txBody>
      </p:sp>
      <p:sp>
        <p:nvSpPr>
          <p:cNvPr id="23" name="object 23"/>
          <p:cNvSpPr txBox="1"/>
          <p:nvPr/>
        </p:nvSpPr>
        <p:spPr>
          <a:xfrm>
            <a:off x="2269642" y="1543749"/>
            <a:ext cx="2680970" cy="807085"/>
          </a:xfrm>
          <a:prstGeom prst="rect">
            <a:avLst/>
          </a:prstGeom>
        </p:spPr>
        <p:txBody>
          <a:bodyPr vert="horz" wrap="square" lIns="0" tIns="97790" rIns="0" bIns="0" rtlCol="0">
            <a:spAutoFit/>
          </a:bodyPr>
          <a:lstStyle/>
          <a:p>
            <a:pPr marL="12700">
              <a:spcBef>
                <a:spcPts val="770"/>
              </a:spcBef>
            </a:pPr>
            <a:r>
              <a:rPr b="1" dirty="0">
                <a:latin typeface="Century Gothic"/>
                <a:cs typeface="Century Gothic"/>
              </a:rPr>
              <a:t>Liquid</a:t>
            </a:r>
            <a:r>
              <a:rPr b="1" spc="-50" dirty="0">
                <a:latin typeface="Century Gothic"/>
                <a:cs typeface="Century Gothic"/>
              </a:rPr>
              <a:t> </a:t>
            </a:r>
            <a:r>
              <a:rPr b="1" dirty="0">
                <a:latin typeface="Century Gothic"/>
                <a:cs typeface="Century Gothic"/>
              </a:rPr>
              <a:t>State</a:t>
            </a:r>
            <a:r>
              <a:rPr b="1" spc="-65" dirty="0">
                <a:latin typeface="Century Gothic"/>
                <a:cs typeface="Century Gothic"/>
              </a:rPr>
              <a:t> </a:t>
            </a:r>
            <a:r>
              <a:rPr b="1" spc="-10" dirty="0">
                <a:latin typeface="Century Gothic"/>
                <a:cs typeface="Century Gothic"/>
              </a:rPr>
              <a:t>Machine</a:t>
            </a:r>
            <a:endParaRPr>
              <a:latin typeface="Century Gothic"/>
              <a:cs typeface="Century Gothic"/>
            </a:endParaRPr>
          </a:p>
          <a:p>
            <a:pPr marL="19685">
              <a:lnSpc>
                <a:spcPts val="1435"/>
              </a:lnSpc>
              <a:spcBef>
                <a:spcPts val="450"/>
              </a:spcBef>
            </a:pPr>
            <a:r>
              <a:rPr sz="1200" dirty="0">
                <a:latin typeface="ＭＳ ゴシック"/>
                <a:cs typeface="ＭＳ ゴシック"/>
              </a:rPr>
              <a:t>※</a:t>
            </a:r>
            <a:r>
              <a:rPr sz="1200" dirty="0">
                <a:latin typeface="Century Gothic"/>
                <a:cs typeface="Century Gothic"/>
              </a:rPr>
              <a:t>4</a:t>
            </a:r>
            <a:r>
              <a:rPr sz="1200" spc="-5" dirty="0">
                <a:latin typeface="Century Gothic"/>
                <a:cs typeface="Century Gothic"/>
              </a:rPr>
              <a:t> </a:t>
            </a:r>
            <a:r>
              <a:rPr sz="1200" dirty="0">
                <a:latin typeface="Century Gothic"/>
                <a:cs typeface="Century Gothic"/>
              </a:rPr>
              <a:t>W.</a:t>
            </a:r>
            <a:r>
              <a:rPr sz="1200" spc="-15" dirty="0">
                <a:latin typeface="Century Gothic"/>
                <a:cs typeface="Century Gothic"/>
              </a:rPr>
              <a:t> </a:t>
            </a:r>
            <a:r>
              <a:rPr sz="1200" dirty="0">
                <a:latin typeface="Century Gothic"/>
                <a:cs typeface="Century Gothic"/>
              </a:rPr>
              <a:t>Maass et</a:t>
            </a:r>
            <a:r>
              <a:rPr sz="1200" spc="-15" dirty="0">
                <a:latin typeface="Century Gothic"/>
                <a:cs typeface="Century Gothic"/>
              </a:rPr>
              <a:t> </a:t>
            </a:r>
            <a:r>
              <a:rPr sz="1200" dirty="0">
                <a:latin typeface="Century Gothic"/>
                <a:cs typeface="Century Gothic"/>
              </a:rPr>
              <a:t>al.,</a:t>
            </a:r>
            <a:r>
              <a:rPr sz="1200" spc="5" dirty="0">
                <a:latin typeface="Century Gothic"/>
                <a:cs typeface="Century Gothic"/>
              </a:rPr>
              <a:t> </a:t>
            </a:r>
            <a:r>
              <a:rPr sz="1200" b="1" i="1" dirty="0">
                <a:latin typeface="Century Gothic"/>
                <a:cs typeface="Century Gothic"/>
              </a:rPr>
              <a:t>Neural</a:t>
            </a:r>
            <a:r>
              <a:rPr sz="1200" b="1" i="1" spc="-15" dirty="0">
                <a:latin typeface="Century Gothic"/>
                <a:cs typeface="Century Gothic"/>
              </a:rPr>
              <a:t> </a:t>
            </a:r>
            <a:r>
              <a:rPr sz="1200" b="1" i="1" spc="-10" dirty="0">
                <a:latin typeface="Century Gothic"/>
                <a:cs typeface="Century Gothic"/>
              </a:rPr>
              <a:t>Comput</a:t>
            </a:r>
            <a:r>
              <a:rPr sz="1200" i="1" spc="-10" dirty="0">
                <a:latin typeface="Century Gothic"/>
                <a:cs typeface="Century Gothic"/>
              </a:rPr>
              <a:t>.</a:t>
            </a:r>
            <a:endParaRPr sz="1200">
              <a:latin typeface="Century Gothic"/>
              <a:cs typeface="Century Gothic"/>
            </a:endParaRPr>
          </a:p>
          <a:p>
            <a:pPr marL="19685">
              <a:lnSpc>
                <a:spcPts val="1435"/>
              </a:lnSpc>
            </a:pPr>
            <a:r>
              <a:rPr sz="1200" dirty="0">
                <a:latin typeface="Century Gothic"/>
                <a:cs typeface="Century Gothic"/>
              </a:rPr>
              <a:t>Vol.14</a:t>
            </a:r>
            <a:r>
              <a:rPr sz="1200" spc="-25" dirty="0">
                <a:latin typeface="Century Gothic"/>
                <a:cs typeface="Century Gothic"/>
              </a:rPr>
              <a:t> </a:t>
            </a:r>
            <a:r>
              <a:rPr sz="1200" dirty="0">
                <a:latin typeface="Century Gothic"/>
                <a:cs typeface="Century Gothic"/>
              </a:rPr>
              <a:t>no.11,</a:t>
            </a:r>
            <a:r>
              <a:rPr sz="1200" spc="10" dirty="0">
                <a:latin typeface="Century Gothic"/>
                <a:cs typeface="Century Gothic"/>
              </a:rPr>
              <a:t> </a:t>
            </a:r>
            <a:r>
              <a:rPr sz="1200" spc="-10" dirty="0">
                <a:latin typeface="Century Gothic"/>
                <a:cs typeface="Century Gothic"/>
              </a:rPr>
              <a:t>pp.2531-</a:t>
            </a:r>
            <a:r>
              <a:rPr sz="1200" dirty="0">
                <a:latin typeface="Century Gothic"/>
                <a:cs typeface="Century Gothic"/>
              </a:rPr>
              <a:t>2560,</a:t>
            </a:r>
            <a:r>
              <a:rPr sz="1200" spc="10" dirty="0">
                <a:latin typeface="Century Gothic"/>
                <a:cs typeface="Century Gothic"/>
              </a:rPr>
              <a:t> </a:t>
            </a:r>
            <a:r>
              <a:rPr sz="1200" spc="-10" dirty="0">
                <a:latin typeface="Century Gothic"/>
                <a:cs typeface="Century Gothic"/>
              </a:rPr>
              <a:t>(</a:t>
            </a:r>
            <a:r>
              <a:rPr sz="1200" b="1" spc="-10" dirty="0">
                <a:latin typeface="Century Gothic"/>
                <a:cs typeface="Century Gothic"/>
              </a:rPr>
              <a:t>2002)</a:t>
            </a:r>
            <a:endParaRPr sz="1200">
              <a:latin typeface="Century Gothic"/>
              <a:cs typeface="Century Gothic"/>
            </a:endParaRPr>
          </a:p>
        </p:txBody>
      </p:sp>
      <p:sp>
        <p:nvSpPr>
          <p:cNvPr id="24" name="object 24"/>
          <p:cNvSpPr txBox="1"/>
          <p:nvPr/>
        </p:nvSpPr>
        <p:spPr>
          <a:xfrm>
            <a:off x="1602739" y="647446"/>
            <a:ext cx="7498080" cy="299720"/>
          </a:xfrm>
          <a:prstGeom prst="rect">
            <a:avLst/>
          </a:prstGeom>
        </p:spPr>
        <p:txBody>
          <a:bodyPr vert="horz" wrap="square" lIns="0" tIns="12700" rIns="0" bIns="0" rtlCol="0">
            <a:spAutoFit/>
          </a:bodyPr>
          <a:lstStyle/>
          <a:p>
            <a:pPr marL="12700">
              <a:spcBef>
                <a:spcPts val="100"/>
              </a:spcBef>
            </a:pPr>
            <a:r>
              <a:rPr b="1" dirty="0">
                <a:solidFill>
                  <a:srgbClr val="FF0000"/>
                </a:solidFill>
                <a:latin typeface="Century Gothic"/>
                <a:cs typeface="Century Gothic"/>
              </a:rPr>
              <a:t>Reservoir</a:t>
            </a:r>
            <a:r>
              <a:rPr b="1" spc="114" dirty="0">
                <a:solidFill>
                  <a:srgbClr val="FF0000"/>
                </a:solidFill>
                <a:latin typeface="Century Gothic"/>
                <a:cs typeface="Century Gothic"/>
              </a:rPr>
              <a:t> </a:t>
            </a:r>
            <a:r>
              <a:rPr b="1" spc="-10" dirty="0">
                <a:solidFill>
                  <a:srgbClr val="FF0000"/>
                </a:solidFill>
                <a:latin typeface="Century Gothic"/>
                <a:cs typeface="Century Gothic"/>
              </a:rPr>
              <a:t>Computing(RC)</a:t>
            </a:r>
            <a:r>
              <a:rPr spc="-10" dirty="0">
                <a:latin typeface="メイリオ"/>
                <a:cs typeface="メイリオ"/>
              </a:rPr>
              <a:t>･･････</a:t>
            </a:r>
            <a:r>
              <a:rPr spc="-5" dirty="0">
                <a:latin typeface="メイリオ"/>
                <a:cs typeface="メイリオ"/>
              </a:rPr>
              <a:t>比較的新しく誕生した</a:t>
            </a:r>
            <a:r>
              <a:rPr u="sng" dirty="0">
                <a:uFill>
                  <a:solidFill>
                    <a:srgbClr val="000000"/>
                  </a:solidFill>
                </a:uFill>
                <a:latin typeface="メイリオ"/>
                <a:cs typeface="メイリオ"/>
              </a:rPr>
              <a:t>再帰的</a:t>
            </a:r>
            <a:r>
              <a:rPr u="sng" spc="-20" dirty="0">
                <a:uFill>
                  <a:solidFill>
                    <a:srgbClr val="000000"/>
                  </a:solidFill>
                </a:uFill>
                <a:latin typeface="Century Gothic"/>
                <a:cs typeface="Century Gothic"/>
              </a:rPr>
              <a:t>NN</a:t>
            </a:r>
            <a:r>
              <a:rPr spc="-20" dirty="0">
                <a:latin typeface="メイリオ"/>
                <a:cs typeface="メイリオ"/>
              </a:rPr>
              <a:t>の一種</a:t>
            </a:r>
            <a:endParaRPr dirty="0">
              <a:latin typeface="メイリオ"/>
              <a:cs typeface="メイリオ"/>
            </a:endParaRPr>
          </a:p>
        </p:txBody>
      </p:sp>
      <p:sp>
        <p:nvSpPr>
          <p:cNvPr id="25" name="object 25"/>
          <p:cNvSpPr/>
          <p:nvPr/>
        </p:nvSpPr>
        <p:spPr>
          <a:xfrm>
            <a:off x="5573649" y="2225294"/>
            <a:ext cx="720090" cy="348615"/>
          </a:xfrm>
          <a:custGeom>
            <a:avLst/>
            <a:gdLst/>
            <a:ahLst/>
            <a:cxnLst/>
            <a:rect l="l" t="t" r="r" b="b"/>
            <a:pathLst>
              <a:path w="720089" h="348614">
                <a:moveTo>
                  <a:pt x="720090" y="209042"/>
                </a:moveTo>
                <a:lnTo>
                  <a:pt x="0" y="209042"/>
                </a:lnTo>
                <a:lnTo>
                  <a:pt x="0" y="348488"/>
                </a:lnTo>
                <a:lnTo>
                  <a:pt x="720090" y="348488"/>
                </a:lnTo>
                <a:lnTo>
                  <a:pt x="720090" y="209042"/>
                </a:lnTo>
                <a:close/>
              </a:path>
              <a:path w="720089" h="348614">
                <a:moveTo>
                  <a:pt x="720090" y="0"/>
                </a:moveTo>
                <a:lnTo>
                  <a:pt x="0" y="0"/>
                </a:lnTo>
                <a:lnTo>
                  <a:pt x="0" y="139446"/>
                </a:lnTo>
                <a:lnTo>
                  <a:pt x="720090" y="139446"/>
                </a:lnTo>
                <a:lnTo>
                  <a:pt x="720090" y="0"/>
                </a:lnTo>
                <a:close/>
              </a:path>
            </a:pathLst>
          </a:custGeom>
          <a:solidFill>
            <a:srgbClr val="FF0000"/>
          </a:solidFill>
        </p:spPr>
        <p:txBody>
          <a:bodyPr wrap="square" lIns="0" tIns="0" rIns="0" bIns="0" rtlCol="0"/>
          <a:lstStyle/>
          <a:p>
            <a:endParaRPr/>
          </a:p>
        </p:txBody>
      </p:sp>
      <p:sp>
        <p:nvSpPr>
          <p:cNvPr id="26" name="object 26"/>
          <p:cNvSpPr txBox="1"/>
          <p:nvPr/>
        </p:nvSpPr>
        <p:spPr>
          <a:xfrm>
            <a:off x="1850847" y="3551046"/>
            <a:ext cx="5283200" cy="299720"/>
          </a:xfrm>
          <a:prstGeom prst="rect">
            <a:avLst/>
          </a:prstGeom>
        </p:spPr>
        <p:txBody>
          <a:bodyPr vert="horz" wrap="square" lIns="0" tIns="12700" rIns="0" bIns="0" rtlCol="0">
            <a:spAutoFit/>
          </a:bodyPr>
          <a:lstStyle/>
          <a:p>
            <a:pPr marL="12700">
              <a:spcBef>
                <a:spcPts val="100"/>
              </a:spcBef>
            </a:pPr>
            <a:r>
              <a:rPr b="1" dirty="0">
                <a:solidFill>
                  <a:srgbClr val="FF0000"/>
                </a:solidFill>
                <a:latin typeface="Century Gothic"/>
                <a:cs typeface="Century Gothic"/>
              </a:rPr>
              <a:t>→</a:t>
            </a:r>
            <a:r>
              <a:rPr b="1" spc="-5" dirty="0">
                <a:solidFill>
                  <a:srgbClr val="FF0000"/>
                </a:solidFill>
                <a:latin typeface="メイリオ"/>
                <a:cs typeface="メイリオ"/>
              </a:rPr>
              <a:t>リザバーコンピューティングとして統一された！</a:t>
            </a:r>
            <a:endParaRPr>
              <a:latin typeface="メイリオ"/>
              <a:cs typeface="メイリオ"/>
            </a:endParaRPr>
          </a:p>
        </p:txBody>
      </p:sp>
      <p:sp>
        <p:nvSpPr>
          <p:cNvPr id="31" name="正方形/長方形 30">
            <a:extLst>
              <a:ext uri="{FF2B5EF4-FFF2-40B4-BE49-F238E27FC236}">
                <a16:creationId xmlns:a16="http://schemas.microsoft.com/office/drawing/2014/main" id="{5375FA62-4FE4-A286-FAD9-06FDD6EAB6DF}"/>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リザーバー計算機＠アナログの概要</a:t>
            </a:r>
          </a:p>
        </p:txBody>
      </p:sp>
      <p:pic>
        <p:nvPicPr>
          <p:cNvPr id="32" name="図 31">
            <a:extLst>
              <a:ext uri="{FF2B5EF4-FFF2-40B4-BE49-F238E27FC236}">
                <a16:creationId xmlns:a16="http://schemas.microsoft.com/office/drawing/2014/main" id="{C2100AD7-1B80-D746-95E9-4B5733584870}"/>
              </a:ext>
            </a:extLst>
          </p:cNvPr>
          <p:cNvPicPr>
            <a:picLocks noChangeAspect="1"/>
          </p:cNvPicPr>
          <p:nvPr/>
        </p:nvPicPr>
        <p:blipFill>
          <a:blip r:embed="rId4"/>
          <a:stretch>
            <a:fillRect/>
          </a:stretch>
        </p:blipFill>
        <p:spPr>
          <a:xfrm>
            <a:off x="3324652" y="3823915"/>
            <a:ext cx="1727018" cy="1636350"/>
          </a:xfrm>
          <a:prstGeom prst="rect">
            <a:avLst/>
          </a:prstGeom>
        </p:spPr>
      </p:pic>
      <p:pic>
        <p:nvPicPr>
          <p:cNvPr id="33" name="図 32">
            <a:extLst>
              <a:ext uri="{FF2B5EF4-FFF2-40B4-BE49-F238E27FC236}">
                <a16:creationId xmlns:a16="http://schemas.microsoft.com/office/drawing/2014/main" id="{F3E399C6-A146-B96C-963A-C8CDCBC4199F}"/>
              </a:ext>
            </a:extLst>
          </p:cNvPr>
          <p:cNvPicPr>
            <a:picLocks noChangeAspect="1"/>
          </p:cNvPicPr>
          <p:nvPr/>
        </p:nvPicPr>
        <p:blipFill>
          <a:blip r:embed="rId5"/>
          <a:stretch>
            <a:fillRect/>
          </a:stretch>
        </p:blipFill>
        <p:spPr>
          <a:xfrm>
            <a:off x="21225" y="2458315"/>
            <a:ext cx="1481084" cy="1567285"/>
          </a:xfrm>
          <a:prstGeom prst="rect">
            <a:avLst/>
          </a:prstGeom>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30">
            <a:extLst>
              <a:ext uri="{FF2B5EF4-FFF2-40B4-BE49-F238E27FC236}">
                <a16:creationId xmlns:a16="http://schemas.microsoft.com/office/drawing/2014/main" id="{5375FA62-4FE4-A286-FAD9-06FDD6EAB6DF}"/>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ため池（</a:t>
            </a:r>
            <a:r>
              <a:rPr kumimoji="1" lang="en-US" altLang="ja-JP" sz="2400" b="1" dirty="0" err="1">
                <a:latin typeface="BIZ UDPゴシック" panose="020B0400000000000000" pitchFamily="50" charset="-128"/>
                <a:ea typeface="BIZ UDPゴシック" panose="020B0400000000000000" pitchFamily="50" charset="-128"/>
              </a:rPr>
              <a:t>Resovoir</a:t>
            </a:r>
            <a:r>
              <a:rPr lang="ja-JP" altLang="en-US" sz="2400" b="1" dirty="0">
                <a:latin typeface="BIZ UDPゴシック" panose="020B0400000000000000" pitchFamily="50" charset="-128"/>
                <a:ea typeface="BIZ UDPゴシック" panose="020B0400000000000000" pitchFamily="50" charset="-128"/>
              </a:rPr>
              <a:t>）</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4098" name="Picture 2" descr="満濃池">
            <a:extLst>
              <a:ext uri="{FF2B5EF4-FFF2-40B4-BE49-F238E27FC236}">
                <a16:creationId xmlns:a16="http://schemas.microsoft.com/office/drawing/2014/main" id="{111547C8-8361-457C-C190-98D67679CB27}"/>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87547" y="796599"/>
            <a:ext cx="9958875" cy="577614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4531605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18FD7A9F-FC0B-281B-3FD4-CAC9CB67C603}"/>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リザーバー計算機</a:t>
            </a:r>
          </a:p>
        </p:txBody>
      </p:sp>
      <p:sp>
        <p:nvSpPr>
          <p:cNvPr id="3" name="四角形: 角を丸くする 2">
            <a:extLst>
              <a:ext uri="{FF2B5EF4-FFF2-40B4-BE49-F238E27FC236}">
                <a16:creationId xmlns:a16="http://schemas.microsoft.com/office/drawing/2014/main" id="{E6795165-6D92-F383-836A-D4758BE24F42}"/>
              </a:ext>
            </a:extLst>
          </p:cNvPr>
          <p:cNvSpPr/>
          <p:nvPr/>
        </p:nvSpPr>
        <p:spPr>
          <a:xfrm>
            <a:off x="1334653" y="1330036"/>
            <a:ext cx="1191491" cy="4858328"/>
          </a:xfrm>
          <a:prstGeom prst="roundRect">
            <a:avLst/>
          </a:prstGeom>
          <a:solidFill>
            <a:srgbClr val="FFFF00"/>
          </a:solidFill>
          <a:ln>
            <a:solidFill>
              <a:srgbClr val="FFC000"/>
            </a:solidFill>
          </a:ln>
          <a:effectLst>
            <a:glow rad="101600">
              <a:schemeClr val="accent3">
                <a:satMod val="175000"/>
                <a:alpha val="40000"/>
              </a:schemeClr>
            </a:glow>
          </a:effectLst>
        </p:spPr>
        <p:style>
          <a:lnRef idx="2">
            <a:schemeClr val="accent4">
              <a:shade val="15000"/>
            </a:schemeClr>
          </a:lnRef>
          <a:fillRef idx="1">
            <a:schemeClr val="accent4"/>
          </a:fillRef>
          <a:effectRef idx="0">
            <a:schemeClr val="accent4"/>
          </a:effectRef>
          <a:fontRef idx="minor">
            <a:schemeClr val="lt1"/>
          </a:fontRef>
        </p:style>
        <p:txBody>
          <a:bodyPr rtlCol="0" anchor="ctr"/>
          <a:lstStyle/>
          <a:p>
            <a:pPr algn="ctr"/>
            <a:r>
              <a:rPr kumimoji="1" lang="ja-JP" altLang="en-US" sz="4400" dirty="0">
                <a:solidFill>
                  <a:schemeClr val="tx1"/>
                </a:solidFill>
                <a:latin typeface="BIZ UDPゴシック" panose="020B0400000000000000" pitchFamily="50" charset="-128"/>
                <a:ea typeface="BIZ UDPゴシック" panose="020B0400000000000000" pitchFamily="50" charset="-128"/>
              </a:rPr>
              <a:t>入力</a:t>
            </a:r>
            <a:endParaRPr kumimoji="1" lang="en-US" altLang="ja-JP" sz="44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4400" dirty="0">
                <a:solidFill>
                  <a:schemeClr val="tx1"/>
                </a:solidFill>
                <a:latin typeface="BIZ UDPゴシック" panose="020B0400000000000000" pitchFamily="50" charset="-128"/>
                <a:ea typeface="BIZ UDPゴシック" panose="020B0400000000000000" pitchFamily="50" charset="-128"/>
              </a:rPr>
              <a:t>層</a:t>
            </a:r>
            <a:endParaRPr kumimoji="1" lang="ja-JP" altLang="en-US" sz="4400" dirty="0">
              <a:solidFill>
                <a:schemeClr val="tx1"/>
              </a:solidFill>
              <a:latin typeface="BIZ UDPゴシック" panose="020B0400000000000000" pitchFamily="50" charset="-128"/>
              <a:ea typeface="BIZ UDPゴシック" panose="020B0400000000000000" pitchFamily="50" charset="-128"/>
            </a:endParaRPr>
          </a:p>
        </p:txBody>
      </p:sp>
      <p:sp>
        <p:nvSpPr>
          <p:cNvPr id="4" name="四角形: 角を丸くする 3">
            <a:extLst>
              <a:ext uri="{FF2B5EF4-FFF2-40B4-BE49-F238E27FC236}">
                <a16:creationId xmlns:a16="http://schemas.microsoft.com/office/drawing/2014/main" id="{89488EA5-77A5-9C0F-5C98-432E2505E539}"/>
              </a:ext>
            </a:extLst>
          </p:cNvPr>
          <p:cNvSpPr/>
          <p:nvPr/>
        </p:nvSpPr>
        <p:spPr>
          <a:xfrm>
            <a:off x="3768435" y="1330036"/>
            <a:ext cx="4479636" cy="4858328"/>
          </a:xfrm>
          <a:prstGeom prst="roundRect">
            <a:avLst>
              <a:gd name="adj" fmla="val 8007"/>
            </a:avLst>
          </a:prstGeom>
          <a:ln>
            <a:solidFill>
              <a:srgbClr val="FFC000"/>
            </a:solidFill>
          </a:ln>
          <a:effectLst>
            <a:glow rad="101600">
              <a:schemeClr val="accent3">
                <a:satMod val="175000"/>
                <a:alpha val="40000"/>
              </a:schemeClr>
            </a:glow>
          </a:effectLst>
        </p:spPr>
        <p:style>
          <a:lnRef idx="2">
            <a:schemeClr val="accent4">
              <a:shade val="15000"/>
            </a:schemeClr>
          </a:lnRef>
          <a:fillRef idx="1">
            <a:schemeClr val="accent4"/>
          </a:fillRef>
          <a:effectRef idx="0">
            <a:schemeClr val="accent4"/>
          </a:effectRef>
          <a:fontRef idx="minor">
            <a:schemeClr val="lt1"/>
          </a:fontRef>
        </p:style>
        <p:txBody>
          <a:bodyPr rtlCol="0" anchor="ctr"/>
          <a:lstStyle/>
          <a:p>
            <a:pPr algn="ctr"/>
            <a:r>
              <a:rPr kumimoji="1" lang="ja-JP" altLang="en-US" sz="4400" dirty="0">
                <a:solidFill>
                  <a:schemeClr val="tx1"/>
                </a:solidFill>
                <a:latin typeface="BIZ UDPゴシック" panose="020B0400000000000000" pitchFamily="50" charset="-128"/>
                <a:ea typeface="BIZ UDPゴシック" panose="020B0400000000000000" pitchFamily="50" charset="-128"/>
              </a:rPr>
              <a:t>リザバー層</a:t>
            </a:r>
          </a:p>
        </p:txBody>
      </p:sp>
      <p:sp>
        <p:nvSpPr>
          <p:cNvPr id="5" name="四角形: 角を丸くする 4">
            <a:extLst>
              <a:ext uri="{FF2B5EF4-FFF2-40B4-BE49-F238E27FC236}">
                <a16:creationId xmlns:a16="http://schemas.microsoft.com/office/drawing/2014/main" id="{463F15A2-5E2D-6608-4E42-6D857F6A3297}"/>
              </a:ext>
            </a:extLst>
          </p:cNvPr>
          <p:cNvSpPr/>
          <p:nvPr/>
        </p:nvSpPr>
        <p:spPr>
          <a:xfrm>
            <a:off x="9541162" y="1330036"/>
            <a:ext cx="1191491" cy="4858328"/>
          </a:xfrm>
          <a:prstGeom prst="roundRect">
            <a:avLst/>
          </a:prstGeom>
          <a:solidFill>
            <a:schemeClr val="accent6">
              <a:lumMod val="60000"/>
              <a:lumOff val="40000"/>
            </a:schemeClr>
          </a:solidFill>
          <a:ln>
            <a:solidFill>
              <a:srgbClr val="FFC000"/>
            </a:solidFill>
          </a:ln>
          <a:effectLst>
            <a:glow rad="101600">
              <a:schemeClr val="accent3">
                <a:satMod val="175000"/>
                <a:alpha val="40000"/>
              </a:schemeClr>
            </a:glow>
          </a:effectLst>
        </p:spPr>
        <p:style>
          <a:lnRef idx="2">
            <a:schemeClr val="accent4">
              <a:shade val="15000"/>
            </a:schemeClr>
          </a:lnRef>
          <a:fillRef idx="1">
            <a:schemeClr val="accent4"/>
          </a:fillRef>
          <a:effectRef idx="0">
            <a:schemeClr val="accent4"/>
          </a:effectRef>
          <a:fontRef idx="minor">
            <a:schemeClr val="lt1"/>
          </a:fontRef>
        </p:style>
        <p:txBody>
          <a:bodyPr rtlCol="0" anchor="ctr"/>
          <a:lstStyle/>
          <a:p>
            <a:pPr algn="ctr"/>
            <a:r>
              <a:rPr kumimoji="1" lang="ja-JP" altLang="en-US" sz="4400" dirty="0">
                <a:solidFill>
                  <a:schemeClr val="tx1"/>
                </a:solidFill>
                <a:latin typeface="BIZ UDPゴシック" panose="020B0400000000000000" pitchFamily="50" charset="-128"/>
                <a:ea typeface="BIZ UDPゴシック" panose="020B0400000000000000" pitchFamily="50" charset="-128"/>
              </a:rPr>
              <a:t>出力</a:t>
            </a:r>
            <a:endParaRPr kumimoji="1" lang="en-US" altLang="ja-JP" sz="44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4400" dirty="0">
                <a:solidFill>
                  <a:schemeClr val="tx1"/>
                </a:solidFill>
                <a:latin typeface="BIZ UDPゴシック" panose="020B0400000000000000" pitchFamily="50" charset="-128"/>
                <a:ea typeface="BIZ UDPゴシック" panose="020B0400000000000000" pitchFamily="50" charset="-128"/>
              </a:rPr>
              <a:t>層</a:t>
            </a:r>
            <a:endParaRPr kumimoji="1" lang="ja-JP" altLang="en-US" sz="4400" dirty="0">
              <a:solidFill>
                <a:schemeClr val="tx1"/>
              </a:solidFill>
              <a:latin typeface="BIZ UDPゴシック" panose="020B0400000000000000" pitchFamily="50" charset="-128"/>
              <a:ea typeface="BIZ UDPゴシック" panose="020B0400000000000000" pitchFamily="50" charset="-128"/>
            </a:endParaRPr>
          </a:p>
        </p:txBody>
      </p:sp>
      <p:sp>
        <p:nvSpPr>
          <p:cNvPr id="6" name="矢印: 右 5">
            <a:extLst>
              <a:ext uri="{FF2B5EF4-FFF2-40B4-BE49-F238E27FC236}">
                <a16:creationId xmlns:a16="http://schemas.microsoft.com/office/drawing/2014/main" id="{22B2774A-2643-7CBC-A187-6F45E093BFC1}"/>
              </a:ext>
            </a:extLst>
          </p:cNvPr>
          <p:cNvSpPr/>
          <p:nvPr/>
        </p:nvSpPr>
        <p:spPr>
          <a:xfrm>
            <a:off x="2604653" y="3181927"/>
            <a:ext cx="1080654" cy="1154546"/>
          </a:xfrm>
          <a:prstGeom prst="rightArrow">
            <a:avLst/>
          </a:prstGeom>
        </p:spPr>
        <p:style>
          <a:lnRef idx="2">
            <a:schemeClr val="dk1">
              <a:shade val="15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7" name="矢印: 右 6">
            <a:extLst>
              <a:ext uri="{FF2B5EF4-FFF2-40B4-BE49-F238E27FC236}">
                <a16:creationId xmlns:a16="http://schemas.microsoft.com/office/drawing/2014/main" id="{FFF1E525-118C-0A6F-4439-D184C44CFC6E}"/>
              </a:ext>
            </a:extLst>
          </p:cNvPr>
          <p:cNvSpPr/>
          <p:nvPr/>
        </p:nvSpPr>
        <p:spPr>
          <a:xfrm>
            <a:off x="8354289" y="3265055"/>
            <a:ext cx="1080654" cy="1154546"/>
          </a:xfrm>
          <a:prstGeom prst="rightArrow">
            <a:avLst/>
          </a:prstGeom>
        </p:spPr>
        <p:style>
          <a:lnRef idx="2">
            <a:schemeClr val="dk1">
              <a:shade val="15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9" name="テキスト ボックス 8">
            <a:extLst>
              <a:ext uri="{FF2B5EF4-FFF2-40B4-BE49-F238E27FC236}">
                <a16:creationId xmlns:a16="http://schemas.microsoft.com/office/drawing/2014/main" id="{23123C84-B7A6-719A-0A3A-063A718159C7}"/>
              </a:ext>
            </a:extLst>
          </p:cNvPr>
          <p:cNvSpPr txBox="1"/>
          <p:nvPr/>
        </p:nvSpPr>
        <p:spPr>
          <a:xfrm>
            <a:off x="4689764" y="5103305"/>
            <a:ext cx="3050309" cy="1015663"/>
          </a:xfrm>
          <a:prstGeom prst="rect">
            <a:avLst/>
          </a:prstGeom>
          <a:noFill/>
        </p:spPr>
        <p:txBody>
          <a:bodyPr wrap="square">
            <a:spAutoFit/>
          </a:bodyPr>
          <a:lstStyle/>
          <a:p>
            <a:r>
              <a:rPr lang="ja-JP" altLang="en-US" sz="2000" b="0" i="0" dirty="0">
                <a:effectLst/>
                <a:latin typeface="BIZ UDPゴシック" panose="020B0400000000000000" pitchFamily="50" charset="-128"/>
                <a:ea typeface="BIZ UDPゴシック" panose="020B0400000000000000" pitchFamily="50" charset="-128"/>
              </a:rPr>
              <a:t>①入力データを変換</a:t>
            </a:r>
            <a:endParaRPr lang="en-US" altLang="ja-JP" sz="2000" b="0" i="0" dirty="0">
              <a:effectLst/>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②</a:t>
            </a:r>
            <a:r>
              <a:rPr lang="ja-JP" altLang="en-US" sz="2000" b="0" i="0" dirty="0">
                <a:effectLst/>
                <a:latin typeface="BIZ UDPゴシック" panose="020B0400000000000000" pitchFamily="50" charset="-128"/>
                <a:ea typeface="BIZ UDPゴシック" panose="020B0400000000000000" pitchFamily="50" charset="-128"/>
              </a:rPr>
              <a:t>特徴を誇張する役割</a:t>
            </a:r>
            <a:endParaRPr lang="en-US" altLang="ja-JP" sz="2000" b="0" i="0" dirty="0">
              <a:effectLst/>
              <a:latin typeface="BIZ UDPゴシック" panose="020B0400000000000000" pitchFamily="50" charset="-128"/>
              <a:ea typeface="BIZ UDPゴシック" panose="020B0400000000000000" pitchFamily="50" charset="-128"/>
            </a:endParaRPr>
          </a:p>
          <a:p>
            <a:r>
              <a:rPr lang="ja-JP" altLang="en-US" sz="2000" b="0" i="0" dirty="0">
                <a:effectLst/>
                <a:latin typeface="BIZ UDPゴシック" panose="020B0400000000000000" pitchFamily="50" charset="-128"/>
                <a:ea typeface="BIZ UDPゴシック" panose="020B0400000000000000" pitchFamily="50" charset="-128"/>
              </a:rPr>
              <a:t>③データを蓄積する役割</a:t>
            </a:r>
            <a:endParaRPr lang="ja-JP" altLang="en-US" sz="20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7580368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18FD7A9F-FC0B-281B-3FD4-CAC9CB67C603}"/>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リザーバー計算機</a:t>
            </a:r>
          </a:p>
        </p:txBody>
      </p:sp>
      <p:sp>
        <p:nvSpPr>
          <p:cNvPr id="3" name="四角形: 角を丸くする 2">
            <a:extLst>
              <a:ext uri="{FF2B5EF4-FFF2-40B4-BE49-F238E27FC236}">
                <a16:creationId xmlns:a16="http://schemas.microsoft.com/office/drawing/2014/main" id="{E6795165-6D92-F383-836A-D4758BE24F42}"/>
              </a:ext>
            </a:extLst>
          </p:cNvPr>
          <p:cNvSpPr/>
          <p:nvPr/>
        </p:nvSpPr>
        <p:spPr>
          <a:xfrm>
            <a:off x="706920" y="1325073"/>
            <a:ext cx="1191491" cy="4858328"/>
          </a:xfrm>
          <a:prstGeom prst="roundRect">
            <a:avLst/>
          </a:prstGeom>
          <a:solidFill>
            <a:srgbClr val="FFFF00"/>
          </a:solidFill>
          <a:ln>
            <a:solidFill>
              <a:srgbClr val="FFC000"/>
            </a:solidFill>
          </a:ln>
          <a:effectLst>
            <a:glow rad="101600">
              <a:schemeClr val="accent3">
                <a:satMod val="175000"/>
                <a:alpha val="40000"/>
              </a:schemeClr>
            </a:glow>
          </a:effectLst>
        </p:spPr>
        <p:style>
          <a:lnRef idx="2">
            <a:schemeClr val="accent4">
              <a:shade val="15000"/>
            </a:schemeClr>
          </a:lnRef>
          <a:fillRef idx="1">
            <a:schemeClr val="accent4"/>
          </a:fillRef>
          <a:effectRef idx="0">
            <a:schemeClr val="accent4"/>
          </a:effectRef>
          <a:fontRef idx="minor">
            <a:schemeClr val="lt1"/>
          </a:fontRef>
        </p:style>
        <p:txBody>
          <a:bodyPr rtlCol="0" anchor="ctr"/>
          <a:lstStyle/>
          <a:p>
            <a:pPr algn="ctr"/>
            <a:r>
              <a:rPr kumimoji="1" lang="ja-JP" altLang="en-US" sz="4400" dirty="0">
                <a:solidFill>
                  <a:schemeClr val="tx1"/>
                </a:solidFill>
                <a:latin typeface="BIZ UDPゴシック" panose="020B0400000000000000" pitchFamily="50" charset="-128"/>
                <a:ea typeface="BIZ UDPゴシック" panose="020B0400000000000000" pitchFamily="50" charset="-128"/>
              </a:rPr>
              <a:t>入力</a:t>
            </a:r>
            <a:endParaRPr kumimoji="1" lang="en-US" altLang="ja-JP" sz="44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4400" dirty="0">
                <a:solidFill>
                  <a:schemeClr val="tx1"/>
                </a:solidFill>
                <a:latin typeface="BIZ UDPゴシック" panose="020B0400000000000000" pitchFamily="50" charset="-128"/>
                <a:ea typeface="BIZ UDPゴシック" panose="020B0400000000000000" pitchFamily="50" charset="-128"/>
              </a:rPr>
              <a:t>層</a:t>
            </a:r>
            <a:endParaRPr kumimoji="1" lang="ja-JP" altLang="en-US" sz="4400" dirty="0">
              <a:solidFill>
                <a:schemeClr val="tx1"/>
              </a:solidFill>
              <a:latin typeface="BIZ UDPゴシック" panose="020B0400000000000000" pitchFamily="50" charset="-128"/>
              <a:ea typeface="BIZ UDPゴシック" panose="020B0400000000000000" pitchFamily="50" charset="-128"/>
            </a:endParaRPr>
          </a:p>
        </p:txBody>
      </p:sp>
      <p:sp>
        <p:nvSpPr>
          <p:cNvPr id="4" name="四角形: 角を丸くする 3">
            <a:extLst>
              <a:ext uri="{FF2B5EF4-FFF2-40B4-BE49-F238E27FC236}">
                <a16:creationId xmlns:a16="http://schemas.microsoft.com/office/drawing/2014/main" id="{89488EA5-77A5-9C0F-5C98-432E2505E539}"/>
              </a:ext>
            </a:extLst>
          </p:cNvPr>
          <p:cNvSpPr/>
          <p:nvPr/>
        </p:nvSpPr>
        <p:spPr>
          <a:xfrm>
            <a:off x="3045481" y="1330036"/>
            <a:ext cx="6075848" cy="4858328"/>
          </a:xfrm>
          <a:prstGeom prst="roundRect">
            <a:avLst>
              <a:gd name="adj" fmla="val 8007"/>
            </a:avLst>
          </a:prstGeom>
          <a:ln>
            <a:solidFill>
              <a:srgbClr val="FFC000"/>
            </a:solidFill>
          </a:ln>
          <a:effectLst>
            <a:glow rad="101600">
              <a:schemeClr val="accent3">
                <a:satMod val="175000"/>
                <a:alpha val="40000"/>
              </a:schemeClr>
            </a:glow>
          </a:effectLst>
        </p:spPr>
        <p:style>
          <a:lnRef idx="2">
            <a:schemeClr val="accent4">
              <a:shade val="15000"/>
            </a:schemeClr>
          </a:lnRef>
          <a:fillRef idx="1">
            <a:schemeClr val="accent4"/>
          </a:fillRef>
          <a:effectRef idx="0">
            <a:schemeClr val="accent4"/>
          </a:effectRef>
          <a:fontRef idx="minor">
            <a:schemeClr val="lt1"/>
          </a:fontRef>
        </p:style>
        <p:txBody>
          <a:bodyPr rtlCol="0" anchor="ctr"/>
          <a:lstStyle/>
          <a:p>
            <a:pPr algn="ctr"/>
            <a:endParaRPr kumimoji="1" lang="ja-JP" altLang="en-US" sz="4400" dirty="0">
              <a:solidFill>
                <a:schemeClr val="tx1"/>
              </a:solidFill>
              <a:latin typeface="BIZ UDPゴシック" panose="020B0400000000000000" pitchFamily="50" charset="-128"/>
              <a:ea typeface="BIZ UDPゴシック" panose="020B0400000000000000" pitchFamily="50" charset="-128"/>
            </a:endParaRPr>
          </a:p>
        </p:txBody>
      </p:sp>
      <p:sp>
        <p:nvSpPr>
          <p:cNvPr id="5" name="四角形: 角を丸くする 4">
            <a:extLst>
              <a:ext uri="{FF2B5EF4-FFF2-40B4-BE49-F238E27FC236}">
                <a16:creationId xmlns:a16="http://schemas.microsoft.com/office/drawing/2014/main" id="{463F15A2-5E2D-6608-4E42-6D857F6A3297}"/>
              </a:ext>
            </a:extLst>
          </p:cNvPr>
          <p:cNvSpPr/>
          <p:nvPr/>
        </p:nvSpPr>
        <p:spPr>
          <a:xfrm>
            <a:off x="10355224" y="1363449"/>
            <a:ext cx="1191491" cy="4858328"/>
          </a:xfrm>
          <a:prstGeom prst="roundRect">
            <a:avLst/>
          </a:prstGeom>
          <a:solidFill>
            <a:schemeClr val="accent6">
              <a:lumMod val="60000"/>
              <a:lumOff val="40000"/>
            </a:schemeClr>
          </a:solidFill>
          <a:ln>
            <a:solidFill>
              <a:srgbClr val="FFC000"/>
            </a:solidFill>
          </a:ln>
          <a:effectLst>
            <a:glow rad="101600">
              <a:schemeClr val="accent3">
                <a:satMod val="175000"/>
                <a:alpha val="40000"/>
              </a:schemeClr>
            </a:glow>
          </a:effectLst>
        </p:spPr>
        <p:style>
          <a:lnRef idx="2">
            <a:schemeClr val="accent4">
              <a:shade val="15000"/>
            </a:schemeClr>
          </a:lnRef>
          <a:fillRef idx="1">
            <a:schemeClr val="accent4"/>
          </a:fillRef>
          <a:effectRef idx="0">
            <a:schemeClr val="accent4"/>
          </a:effectRef>
          <a:fontRef idx="minor">
            <a:schemeClr val="lt1"/>
          </a:fontRef>
        </p:style>
        <p:txBody>
          <a:bodyPr rtlCol="0" anchor="ctr"/>
          <a:lstStyle/>
          <a:p>
            <a:pPr algn="ctr"/>
            <a:r>
              <a:rPr kumimoji="1" lang="ja-JP" altLang="en-US" sz="4400" dirty="0">
                <a:solidFill>
                  <a:schemeClr val="tx1"/>
                </a:solidFill>
                <a:latin typeface="BIZ UDPゴシック" panose="020B0400000000000000" pitchFamily="50" charset="-128"/>
                <a:ea typeface="BIZ UDPゴシック" panose="020B0400000000000000" pitchFamily="50" charset="-128"/>
              </a:rPr>
              <a:t>出力</a:t>
            </a:r>
            <a:endParaRPr kumimoji="1" lang="en-US" altLang="ja-JP" sz="44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4400" dirty="0">
                <a:solidFill>
                  <a:schemeClr val="tx1"/>
                </a:solidFill>
                <a:latin typeface="BIZ UDPゴシック" panose="020B0400000000000000" pitchFamily="50" charset="-128"/>
                <a:ea typeface="BIZ UDPゴシック" panose="020B0400000000000000" pitchFamily="50" charset="-128"/>
              </a:rPr>
              <a:t>層</a:t>
            </a:r>
            <a:endParaRPr kumimoji="1" lang="ja-JP" altLang="en-US" sz="4400" dirty="0">
              <a:solidFill>
                <a:schemeClr val="tx1"/>
              </a:solidFill>
              <a:latin typeface="BIZ UDPゴシック" panose="020B0400000000000000" pitchFamily="50" charset="-128"/>
              <a:ea typeface="BIZ UDPゴシック" panose="020B0400000000000000" pitchFamily="50" charset="-128"/>
            </a:endParaRPr>
          </a:p>
        </p:txBody>
      </p:sp>
      <p:sp>
        <p:nvSpPr>
          <p:cNvPr id="6" name="矢印: 右 5">
            <a:extLst>
              <a:ext uri="{FF2B5EF4-FFF2-40B4-BE49-F238E27FC236}">
                <a16:creationId xmlns:a16="http://schemas.microsoft.com/office/drawing/2014/main" id="{22B2774A-2643-7CBC-A187-6F45E093BFC1}"/>
              </a:ext>
            </a:extLst>
          </p:cNvPr>
          <p:cNvSpPr/>
          <p:nvPr/>
        </p:nvSpPr>
        <p:spPr>
          <a:xfrm>
            <a:off x="1940295" y="3176964"/>
            <a:ext cx="1080654" cy="1154546"/>
          </a:xfrm>
          <a:prstGeom prst="rightArrow">
            <a:avLst/>
          </a:prstGeom>
        </p:spPr>
        <p:style>
          <a:lnRef idx="2">
            <a:schemeClr val="dk1">
              <a:shade val="15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7" name="矢印: 右 6">
            <a:extLst>
              <a:ext uri="{FF2B5EF4-FFF2-40B4-BE49-F238E27FC236}">
                <a16:creationId xmlns:a16="http://schemas.microsoft.com/office/drawing/2014/main" id="{FFF1E525-118C-0A6F-4439-D184C44CFC6E}"/>
              </a:ext>
            </a:extLst>
          </p:cNvPr>
          <p:cNvSpPr/>
          <p:nvPr/>
        </p:nvSpPr>
        <p:spPr>
          <a:xfrm>
            <a:off x="9180483" y="3200293"/>
            <a:ext cx="1080654" cy="1154546"/>
          </a:xfrm>
          <a:prstGeom prst="rightArrow">
            <a:avLst/>
          </a:prstGeom>
        </p:spPr>
        <p:style>
          <a:lnRef idx="2">
            <a:schemeClr val="dk1">
              <a:shade val="15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nvGrpSpPr>
          <p:cNvPr id="88" name="グループ化 87">
            <a:extLst>
              <a:ext uri="{FF2B5EF4-FFF2-40B4-BE49-F238E27FC236}">
                <a16:creationId xmlns:a16="http://schemas.microsoft.com/office/drawing/2014/main" id="{C7A62CBC-D95B-A03E-4199-FBF12EDFBC32}"/>
              </a:ext>
            </a:extLst>
          </p:cNvPr>
          <p:cNvGrpSpPr/>
          <p:nvPr/>
        </p:nvGrpSpPr>
        <p:grpSpPr>
          <a:xfrm rot="5400000">
            <a:off x="4216401" y="1076351"/>
            <a:ext cx="3655627" cy="5446925"/>
            <a:chOff x="4216401" y="1076351"/>
            <a:chExt cx="3655627" cy="5446925"/>
          </a:xfrm>
        </p:grpSpPr>
        <p:sp>
          <p:nvSpPr>
            <p:cNvPr id="8" name="楕円 7">
              <a:extLst>
                <a:ext uri="{FF2B5EF4-FFF2-40B4-BE49-F238E27FC236}">
                  <a16:creationId xmlns:a16="http://schemas.microsoft.com/office/drawing/2014/main" id="{41D575E2-AB41-E6FB-936F-58051636FB64}"/>
                </a:ext>
              </a:extLst>
            </p:cNvPr>
            <p:cNvSpPr/>
            <p:nvPr/>
          </p:nvSpPr>
          <p:spPr>
            <a:xfrm>
              <a:off x="6345355" y="2689481"/>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楕円 8">
              <a:extLst>
                <a:ext uri="{FF2B5EF4-FFF2-40B4-BE49-F238E27FC236}">
                  <a16:creationId xmlns:a16="http://schemas.microsoft.com/office/drawing/2014/main" id="{018C2165-BD2C-65DD-9C25-32E8069ABE72}"/>
                </a:ext>
              </a:extLst>
            </p:cNvPr>
            <p:cNvSpPr/>
            <p:nvPr/>
          </p:nvSpPr>
          <p:spPr>
            <a:xfrm>
              <a:off x="4216401" y="1683951"/>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楕円 9">
              <a:extLst>
                <a:ext uri="{FF2B5EF4-FFF2-40B4-BE49-F238E27FC236}">
                  <a16:creationId xmlns:a16="http://schemas.microsoft.com/office/drawing/2014/main" id="{45AAD31A-37B7-1562-A706-D680BC8DF2EC}"/>
                </a:ext>
              </a:extLst>
            </p:cNvPr>
            <p:cNvSpPr/>
            <p:nvPr/>
          </p:nvSpPr>
          <p:spPr>
            <a:xfrm>
              <a:off x="5327046" y="2703855"/>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楕円 10">
              <a:extLst>
                <a:ext uri="{FF2B5EF4-FFF2-40B4-BE49-F238E27FC236}">
                  <a16:creationId xmlns:a16="http://schemas.microsoft.com/office/drawing/2014/main" id="{3892682B-5A4C-C208-58D2-8D7704DD8EC8}"/>
                </a:ext>
              </a:extLst>
            </p:cNvPr>
            <p:cNvSpPr/>
            <p:nvPr/>
          </p:nvSpPr>
          <p:spPr>
            <a:xfrm>
              <a:off x="5334013" y="3659708"/>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楕円 11">
              <a:extLst>
                <a:ext uri="{FF2B5EF4-FFF2-40B4-BE49-F238E27FC236}">
                  <a16:creationId xmlns:a16="http://schemas.microsoft.com/office/drawing/2014/main" id="{F39DF111-86DE-8282-51E0-6100BC6D153F}"/>
                </a:ext>
              </a:extLst>
            </p:cNvPr>
            <p:cNvSpPr/>
            <p:nvPr/>
          </p:nvSpPr>
          <p:spPr>
            <a:xfrm>
              <a:off x="4221016" y="4622798"/>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楕円 12">
              <a:extLst>
                <a:ext uri="{FF2B5EF4-FFF2-40B4-BE49-F238E27FC236}">
                  <a16:creationId xmlns:a16="http://schemas.microsoft.com/office/drawing/2014/main" id="{7606D157-BE36-E8E8-AB31-8931E035E95B}"/>
                </a:ext>
              </a:extLst>
            </p:cNvPr>
            <p:cNvSpPr/>
            <p:nvPr/>
          </p:nvSpPr>
          <p:spPr>
            <a:xfrm>
              <a:off x="5334013" y="4622798"/>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楕円 13">
              <a:extLst>
                <a:ext uri="{FF2B5EF4-FFF2-40B4-BE49-F238E27FC236}">
                  <a16:creationId xmlns:a16="http://schemas.microsoft.com/office/drawing/2014/main" id="{8271470F-59E1-3A0E-67DE-77D747DE31CC}"/>
                </a:ext>
              </a:extLst>
            </p:cNvPr>
            <p:cNvSpPr/>
            <p:nvPr/>
          </p:nvSpPr>
          <p:spPr>
            <a:xfrm>
              <a:off x="7474864" y="4622796"/>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楕円 14">
              <a:extLst>
                <a:ext uri="{FF2B5EF4-FFF2-40B4-BE49-F238E27FC236}">
                  <a16:creationId xmlns:a16="http://schemas.microsoft.com/office/drawing/2014/main" id="{09D6F680-7A5E-DF05-5E0A-27BE12DB037D}"/>
                </a:ext>
              </a:extLst>
            </p:cNvPr>
            <p:cNvSpPr/>
            <p:nvPr/>
          </p:nvSpPr>
          <p:spPr>
            <a:xfrm>
              <a:off x="6352267" y="4629720"/>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楕円 15">
              <a:extLst>
                <a:ext uri="{FF2B5EF4-FFF2-40B4-BE49-F238E27FC236}">
                  <a16:creationId xmlns:a16="http://schemas.microsoft.com/office/drawing/2014/main" id="{23BE4A8C-67B8-8AE4-C576-B30502B3894E}"/>
                </a:ext>
              </a:extLst>
            </p:cNvPr>
            <p:cNvSpPr/>
            <p:nvPr/>
          </p:nvSpPr>
          <p:spPr>
            <a:xfrm>
              <a:off x="5334013" y="5519787"/>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楕円 16">
              <a:extLst>
                <a:ext uri="{FF2B5EF4-FFF2-40B4-BE49-F238E27FC236}">
                  <a16:creationId xmlns:a16="http://schemas.microsoft.com/office/drawing/2014/main" id="{0C6F98BA-42B6-3240-31F6-EF0CC879631D}"/>
                </a:ext>
              </a:extLst>
            </p:cNvPr>
            <p:cNvSpPr/>
            <p:nvPr/>
          </p:nvSpPr>
          <p:spPr>
            <a:xfrm>
              <a:off x="7469878" y="5509667"/>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楕円 17">
              <a:extLst>
                <a:ext uri="{FF2B5EF4-FFF2-40B4-BE49-F238E27FC236}">
                  <a16:creationId xmlns:a16="http://schemas.microsoft.com/office/drawing/2014/main" id="{49EDB556-D936-6E56-6CEF-66E079118A41}"/>
                </a:ext>
              </a:extLst>
            </p:cNvPr>
            <p:cNvSpPr/>
            <p:nvPr/>
          </p:nvSpPr>
          <p:spPr>
            <a:xfrm>
              <a:off x="4223313" y="5537198"/>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楕円 18">
              <a:extLst>
                <a:ext uri="{FF2B5EF4-FFF2-40B4-BE49-F238E27FC236}">
                  <a16:creationId xmlns:a16="http://schemas.microsoft.com/office/drawing/2014/main" id="{071CC797-DCC2-5294-3E8D-7FEDA95F86DE}"/>
                </a:ext>
              </a:extLst>
            </p:cNvPr>
            <p:cNvSpPr/>
            <p:nvPr/>
          </p:nvSpPr>
          <p:spPr>
            <a:xfrm>
              <a:off x="7449139" y="3642311"/>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楕円 19">
              <a:extLst>
                <a:ext uri="{FF2B5EF4-FFF2-40B4-BE49-F238E27FC236}">
                  <a16:creationId xmlns:a16="http://schemas.microsoft.com/office/drawing/2014/main" id="{04781FC5-C5FF-A5EE-0FED-BC129C5F28F4}"/>
                </a:ext>
              </a:extLst>
            </p:cNvPr>
            <p:cNvSpPr/>
            <p:nvPr/>
          </p:nvSpPr>
          <p:spPr>
            <a:xfrm>
              <a:off x="7456055" y="2696618"/>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楕円 20">
              <a:extLst>
                <a:ext uri="{FF2B5EF4-FFF2-40B4-BE49-F238E27FC236}">
                  <a16:creationId xmlns:a16="http://schemas.microsoft.com/office/drawing/2014/main" id="{0E80E8E1-743B-1764-AEDB-261CD37D3257}"/>
                </a:ext>
              </a:extLst>
            </p:cNvPr>
            <p:cNvSpPr/>
            <p:nvPr/>
          </p:nvSpPr>
          <p:spPr>
            <a:xfrm>
              <a:off x="6345355" y="1697653"/>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楕円 21">
              <a:extLst>
                <a:ext uri="{FF2B5EF4-FFF2-40B4-BE49-F238E27FC236}">
                  <a16:creationId xmlns:a16="http://schemas.microsoft.com/office/drawing/2014/main" id="{2CC525D0-A385-89B3-E4B9-75D5C486A4D3}"/>
                </a:ext>
              </a:extLst>
            </p:cNvPr>
            <p:cNvSpPr/>
            <p:nvPr/>
          </p:nvSpPr>
          <p:spPr>
            <a:xfrm>
              <a:off x="5327046" y="1674166"/>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楕円 22">
              <a:extLst>
                <a:ext uri="{FF2B5EF4-FFF2-40B4-BE49-F238E27FC236}">
                  <a16:creationId xmlns:a16="http://schemas.microsoft.com/office/drawing/2014/main" id="{09707D47-AE46-485A-517E-249AB0FEEECF}"/>
                </a:ext>
              </a:extLst>
            </p:cNvPr>
            <p:cNvSpPr/>
            <p:nvPr/>
          </p:nvSpPr>
          <p:spPr>
            <a:xfrm>
              <a:off x="4216401" y="3648364"/>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楕円 23">
              <a:extLst>
                <a:ext uri="{FF2B5EF4-FFF2-40B4-BE49-F238E27FC236}">
                  <a16:creationId xmlns:a16="http://schemas.microsoft.com/office/drawing/2014/main" id="{BD931DA6-34BC-CD8C-7F70-F250E737C021}"/>
                </a:ext>
              </a:extLst>
            </p:cNvPr>
            <p:cNvSpPr/>
            <p:nvPr/>
          </p:nvSpPr>
          <p:spPr>
            <a:xfrm>
              <a:off x="4216401" y="2677606"/>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楕円 24">
              <a:extLst>
                <a:ext uri="{FF2B5EF4-FFF2-40B4-BE49-F238E27FC236}">
                  <a16:creationId xmlns:a16="http://schemas.microsoft.com/office/drawing/2014/main" id="{BEA8E861-3A56-13AD-ACFC-96B451005753}"/>
                </a:ext>
              </a:extLst>
            </p:cNvPr>
            <p:cNvSpPr/>
            <p:nvPr/>
          </p:nvSpPr>
          <p:spPr>
            <a:xfrm>
              <a:off x="6346601" y="3642311"/>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楕円 25">
              <a:extLst>
                <a:ext uri="{FF2B5EF4-FFF2-40B4-BE49-F238E27FC236}">
                  <a16:creationId xmlns:a16="http://schemas.microsoft.com/office/drawing/2014/main" id="{29A0C7DF-90F4-B5AD-CBF2-F5C5BDB57363}"/>
                </a:ext>
              </a:extLst>
            </p:cNvPr>
            <p:cNvSpPr/>
            <p:nvPr/>
          </p:nvSpPr>
          <p:spPr>
            <a:xfrm>
              <a:off x="6352267" y="5509667"/>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楕円 28">
              <a:extLst>
                <a:ext uri="{FF2B5EF4-FFF2-40B4-BE49-F238E27FC236}">
                  <a16:creationId xmlns:a16="http://schemas.microsoft.com/office/drawing/2014/main" id="{BB6BD348-6F08-87B8-A2B2-F95268C7F8F2}"/>
                </a:ext>
              </a:extLst>
            </p:cNvPr>
            <p:cNvSpPr/>
            <p:nvPr/>
          </p:nvSpPr>
          <p:spPr>
            <a:xfrm>
              <a:off x="7449139" y="1683950"/>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31" name="直線矢印コネクタ 30">
              <a:extLst>
                <a:ext uri="{FF2B5EF4-FFF2-40B4-BE49-F238E27FC236}">
                  <a16:creationId xmlns:a16="http://schemas.microsoft.com/office/drawing/2014/main" id="{329E6EDA-DEFF-CB87-322B-F16F1EDA5A7E}"/>
                </a:ext>
              </a:extLst>
            </p:cNvPr>
            <p:cNvCxnSpPr>
              <a:stCxn id="18" idx="0"/>
            </p:cNvCxnSpPr>
            <p:nvPr/>
          </p:nvCxnSpPr>
          <p:spPr>
            <a:xfrm flipV="1">
              <a:off x="4421895" y="5010723"/>
              <a:ext cx="0" cy="52647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2" name="直線矢印コネクタ 31">
              <a:extLst>
                <a:ext uri="{FF2B5EF4-FFF2-40B4-BE49-F238E27FC236}">
                  <a16:creationId xmlns:a16="http://schemas.microsoft.com/office/drawing/2014/main" id="{F8835BA2-25E2-F4F4-8569-CD980ECD3393}"/>
                </a:ext>
              </a:extLst>
            </p:cNvPr>
            <p:cNvCxnSpPr>
              <a:cxnSpLocks/>
              <a:endCxn id="23" idx="4"/>
            </p:cNvCxnSpPr>
            <p:nvPr/>
          </p:nvCxnSpPr>
          <p:spPr>
            <a:xfrm flipH="1" flipV="1">
              <a:off x="4414983" y="4036291"/>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4" name="直線矢印コネクタ 33">
              <a:extLst>
                <a:ext uri="{FF2B5EF4-FFF2-40B4-BE49-F238E27FC236}">
                  <a16:creationId xmlns:a16="http://schemas.microsoft.com/office/drawing/2014/main" id="{7805BEFB-3971-2237-2439-314797E35D72}"/>
                </a:ext>
              </a:extLst>
            </p:cNvPr>
            <p:cNvCxnSpPr>
              <a:cxnSpLocks/>
            </p:cNvCxnSpPr>
            <p:nvPr/>
          </p:nvCxnSpPr>
          <p:spPr>
            <a:xfrm flipH="1" flipV="1">
              <a:off x="4398843" y="3084545"/>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5" name="直線矢印コネクタ 34">
              <a:extLst>
                <a:ext uri="{FF2B5EF4-FFF2-40B4-BE49-F238E27FC236}">
                  <a16:creationId xmlns:a16="http://schemas.microsoft.com/office/drawing/2014/main" id="{28AF1E9B-08B1-31C9-7E3F-C1EACD659442}"/>
                </a:ext>
              </a:extLst>
            </p:cNvPr>
            <p:cNvCxnSpPr>
              <a:cxnSpLocks/>
            </p:cNvCxnSpPr>
            <p:nvPr/>
          </p:nvCxnSpPr>
          <p:spPr>
            <a:xfrm flipH="1" flipV="1">
              <a:off x="4421895" y="2091099"/>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6" name="直線矢印コネクタ 35">
              <a:extLst>
                <a:ext uri="{FF2B5EF4-FFF2-40B4-BE49-F238E27FC236}">
                  <a16:creationId xmlns:a16="http://schemas.microsoft.com/office/drawing/2014/main" id="{47CAD5E1-AD60-4920-A6E0-770E554043AA}"/>
                </a:ext>
              </a:extLst>
            </p:cNvPr>
            <p:cNvCxnSpPr>
              <a:cxnSpLocks/>
            </p:cNvCxnSpPr>
            <p:nvPr/>
          </p:nvCxnSpPr>
          <p:spPr>
            <a:xfrm flipV="1">
              <a:off x="5532595" y="2038243"/>
              <a:ext cx="0" cy="651138"/>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7" name="直線矢印コネクタ 36">
              <a:extLst>
                <a:ext uri="{FF2B5EF4-FFF2-40B4-BE49-F238E27FC236}">
                  <a16:creationId xmlns:a16="http://schemas.microsoft.com/office/drawing/2014/main" id="{CAE4042C-BCE5-373F-42C5-1796DCC78163}"/>
                </a:ext>
              </a:extLst>
            </p:cNvPr>
            <p:cNvCxnSpPr>
              <a:cxnSpLocks/>
            </p:cNvCxnSpPr>
            <p:nvPr/>
          </p:nvCxnSpPr>
          <p:spPr>
            <a:xfrm flipH="1" flipV="1">
              <a:off x="6537025" y="2110113"/>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8" name="直線矢印コネクタ 37">
              <a:extLst>
                <a:ext uri="{FF2B5EF4-FFF2-40B4-BE49-F238E27FC236}">
                  <a16:creationId xmlns:a16="http://schemas.microsoft.com/office/drawing/2014/main" id="{B3DCA5E5-DD03-6F9F-4223-3815C286BAFF}"/>
                </a:ext>
              </a:extLst>
            </p:cNvPr>
            <p:cNvCxnSpPr>
              <a:cxnSpLocks/>
            </p:cNvCxnSpPr>
            <p:nvPr/>
          </p:nvCxnSpPr>
          <p:spPr>
            <a:xfrm flipH="1" flipV="1">
              <a:off x="7654637" y="2085580"/>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0" name="直線矢印コネクタ 39">
              <a:extLst>
                <a:ext uri="{FF2B5EF4-FFF2-40B4-BE49-F238E27FC236}">
                  <a16:creationId xmlns:a16="http://schemas.microsoft.com/office/drawing/2014/main" id="{8A8785F6-F639-D620-043C-1D7F90D5383B}"/>
                </a:ext>
              </a:extLst>
            </p:cNvPr>
            <p:cNvCxnSpPr>
              <a:cxnSpLocks/>
              <a:stCxn id="11" idx="0"/>
            </p:cNvCxnSpPr>
            <p:nvPr/>
          </p:nvCxnSpPr>
          <p:spPr>
            <a:xfrm flipV="1">
              <a:off x="5532595" y="3091782"/>
              <a:ext cx="0" cy="567926"/>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3" name="直線矢印コネクタ 42">
              <a:extLst>
                <a:ext uri="{FF2B5EF4-FFF2-40B4-BE49-F238E27FC236}">
                  <a16:creationId xmlns:a16="http://schemas.microsoft.com/office/drawing/2014/main" id="{E6BB774D-0109-9807-EE6B-6C25095A169A}"/>
                </a:ext>
              </a:extLst>
            </p:cNvPr>
            <p:cNvCxnSpPr>
              <a:cxnSpLocks/>
            </p:cNvCxnSpPr>
            <p:nvPr/>
          </p:nvCxnSpPr>
          <p:spPr>
            <a:xfrm flipV="1">
              <a:off x="5532595" y="4045580"/>
              <a:ext cx="0" cy="567926"/>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4" name="直線矢印コネクタ 43">
              <a:extLst>
                <a:ext uri="{FF2B5EF4-FFF2-40B4-BE49-F238E27FC236}">
                  <a16:creationId xmlns:a16="http://schemas.microsoft.com/office/drawing/2014/main" id="{0B4986E2-505C-B02C-9568-82431D0D9B73}"/>
                </a:ext>
              </a:extLst>
            </p:cNvPr>
            <p:cNvCxnSpPr>
              <a:cxnSpLocks/>
            </p:cNvCxnSpPr>
            <p:nvPr/>
          </p:nvCxnSpPr>
          <p:spPr>
            <a:xfrm flipV="1">
              <a:off x="5532595" y="4989997"/>
              <a:ext cx="0" cy="519670"/>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6" name="直線矢印コネクタ 45">
              <a:extLst>
                <a:ext uri="{FF2B5EF4-FFF2-40B4-BE49-F238E27FC236}">
                  <a16:creationId xmlns:a16="http://schemas.microsoft.com/office/drawing/2014/main" id="{F9271544-4778-D750-9334-76F686DF6098}"/>
                </a:ext>
              </a:extLst>
            </p:cNvPr>
            <p:cNvCxnSpPr>
              <a:cxnSpLocks/>
            </p:cNvCxnSpPr>
            <p:nvPr/>
          </p:nvCxnSpPr>
          <p:spPr>
            <a:xfrm flipH="1" flipV="1">
              <a:off x="6543937" y="3070271"/>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7" name="直線矢印コネクタ 46">
              <a:extLst>
                <a:ext uri="{FF2B5EF4-FFF2-40B4-BE49-F238E27FC236}">
                  <a16:creationId xmlns:a16="http://schemas.microsoft.com/office/drawing/2014/main" id="{8B99AE6C-A7F7-D359-92FF-933702B44CA9}"/>
                </a:ext>
              </a:extLst>
            </p:cNvPr>
            <p:cNvCxnSpPr>
              <a:cxnSpLocks/>
            </p:cNvCxnSpPr>
            <p:nvPr/>
          </p:nvCxnSpPr>
          <p:spPr>
            <a:xfrm flipH="1" flipV="1">
              <a:off x="6528375" y="4050138"/>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8" name="直線矢印コネクタ 47">
              <a:extLst>
                <a:ext uri="{FF2B5EF4-FFF2-40B4-BE49-F238E27FC236}">
                  <a16:creationId xmlns:a16="http://schemas.microsoft.com/office/drawing/2014/main" id="{8AECE727-6CD4-2EF0-F308-8F0359448BE9}"/>
                </a:ext>
              </a:extLst>
            </p:cNvPr>
            <p:cNvCxnSpPr>
              <a:cxnSpLocks/>
              <a:stCxn id="26" idx="0"/>
            </p:cNvCxnSpPr>
            <p:nvPr/>
          </p:nvCxnSpPr>
          <p:spPr>
            <a:xfrm flipH="1" flipV="1">
              <a:off x="6550848" y="5010723"/>
              <a:ext cx="1" cy="49894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0" name="直線矢印コネクタ 49">
              <a:extLst>
                <a:ext uri="{FF2B5EF4-FFF2-40B4-BE49-F238E27FC236}">
                  <a16:creationId xmlns:a16="http://schemas.microsoft.com/office/drawing/2014/main" id="{12324D6F-0B93-3CB2-7730-750AC75BF9CC}"/>
                </a:ext>
              </a:extLst>
            </p:cNvPr>
            <p:cNvCxnSpPr>
              <a:cxnSpLocks/>
            </p:cNvCxnSpPr>
            <p:nvPr/>
          </p:nvCxnSpPr>
          <p:spPr>
            <a:xfrm flipH="1" flipV="1">
              <a:off x="7654637" y="3077408"/>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1" name="直線矢印コネクタ 50">
              <a:extLst>
                <a:ext uri="{FF2B5EF4-FFF2-40B4-BE49-F238E27FC236}">
                  <a16:creationId xmlns:a16="http://schemas.microsoft.com/office/drawing/2014/main" id="{AA99B010-E9C8-778F-AE93-B3C887D0DFB5}"/>
                </a:ext>
              </a:extLst>
            </p:cNvPr>
            <p:cNvCxnSpPr>
              <a:cxnSpLocks/>
              <a:stCxn id="17" idx="0"/>
            </p:cNvCxnSpPr>
            <p:nvPr/>
          </p:nvCxnSpPr>
          <p:spPr>
            <a:xfrm flipH="1" flipV="1">
              <a:off x="7661548" y="5017647"/>
              <a:ext cx="6912" cy="492020"/>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3" name="直線矢印コネクタ 52">
              <a:extLst>
                <a:ext uri="{FF2B5EF4-FFF2-40B4-BE49-F238E27FC236}">
                  <a16:creationId xmlns:a16="http://schemas.microsoft.com/office/drawing/2014/main" id="{138B3662-0FD9-DF03-AB23-787544389AE3}"/>
                </a:ext>
              </a:extLst>
            </p:cNvPr>
            <p:cNvCxnSpPr>
              <a:cxnSpLocks/>
              <a:stCxn id="14" idx="0"/>
            </p:cNvCxnSpPr>
            <p:nvPr/>
          </p:nvCxnSpPr>
          <p:spPr>
            <a:xfrm flipH="1" flipV="1">
              <a:off x="7659828" y="4044703"/>
              <a:ext cx="13618" cy="578093"/>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7" name="コネクタ: カギ線 56">
              <a:extLst>
                <a:ext uri="{FF2B5EF4-FFF2-40B4-BE49-F238E27FC236}">
                  <a16:creationId xmlns:a16="http://schemas.microsoft.com/office/drawing/2014/main" id="{19B8A7F6-8FBC-CEB8-EF69-7067409978A2}"/>
                </a:ext>
              </a:extLst>
            </p:cNvPr>
            <p:cNvCxnSpPr>
              <a:stCxn id="9" idx="6"/>
              <a:endCxn id="16" idx="2"/>
            </p:cNvCxnSpPr>
            <p:nvPr/>
          </p:nvCxnSpPr>
          <p:spPr>
            <a:xfrm>
              <a:off x="4613565" y="1877915"/>
              <a:ext cx="720448" cy="3835836"/>
            </a:xfrm>
            <a:prstGeom prst="bentConnector3">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8" name="直線矢印コネクタ 57">
              <a:extLst>
                <a:ext uri="{FF2B5EF4-FFF2-40B4-BE49-F238E27FC236}">
                  <a16:creationId xmlns:a16="http://schemas.microsoft.com/office/drawing/2014/main" id="{0DE418CD-BAAE-DB86-8909-9E6854351F1A}"/>
                </a:ext>
              </a:extLst>
            </p:cNvPr>
            <p:cNvCxnSpPr>
              <a:cxnSpLocks/>
              <a:endCxn id="10" idx="2"/>
            </p:cNvCxnSpPr>
            <p:nvPr/>
          </p:nvCxnSpPr>
          <p:spPr>
            <a:xfrm>
              <a:off x="4634050" y="2897818"/>
              <a:ext cx="692996" cy="1"/>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0" name="直線矢印コネクタ 59">
              <a:extLst>
                <a:ext uri="{FF2B5EF4-FFF2-40B4-BE49-F238E27FC236}">
                  <a16:creationId xmlns:a16="http://schemas.microsoft.com/office/drawing/2014/main" id="{E62214DF-AB04-3023-AD12-A2EE84A5CAD1}"/>
                </a:ext>
              </a:extLst>
            </p:cNvPr>
            <p:cNvCxnSpPr>
              <a:cxnSpLocks/>
            </p:cNvCxnSpPr>
            <p:nvPr/>
          </p:nvCxnSpPr>
          <p:spPr>
            <a:xfrm>
              <a:off x="4625943" y="3853671"/>
              <a:ext cx="692996" cy="1"/>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1" name="直線矢印コネクタ 60">
              <a:extLst>
                <a:ext uri="{FF2B5EF4-FFF2-40B4-BE49-F238E27FC236}">
                  <a16:creationId xmlns:a16="http://schemas.microsoft.com/office/drawing/2014/main" id="{44C605B0-D37F-5449-B18F-72029090B8C4}"/>
                </a:ext>
              </a:extLst>
            </p:cNvPr>
            <p:cNvCxnSpPr>
              <a:cxnSpLocks/>
            </p:cNvCxnSpPr>
            <p:nvPr/>
          </p:nvCxnSpPr>
          <p:spPr>
            <a:xfrm>
              <a:off x="4625943" y="4816758"/>
              <a:ext cx="692996" cy="1"/>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2" name="直線矢印コネクタ 61">
              <a:extLst>
                <a:ext uri="{FF2B5EF4-FFF2-40B4-BE49-F238E27FC236}">
                  <a16:creationId xmlns:a16="http://schemas.microsoft.com/office/drawing/2014/main" id="{CA5C407A-2388-99EC-DDA3-02110768C84C}"/>
                </a:ext>
              </a:extLst>
            </p:cNvPr>
            <p:cNvCxnSpPr>
              <a:cxnSpLocks/>
              <a:endCxn id="15" idx="2"/>
            </p:cNvCxnSpPr>
            <p:nvPr/>
          </p:nvCxnSpPr>
          <p:spPr>
            <a:xfrm>
              <a:off x="5721761" y="4816757"/>
              <a:ext cx="630506" cy="6927"/>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4" name="直線矢印コネクタ 63">
              <a:extLst>
                <a:ext uri="{FF2B5EF4-FFF2-40B4-BE49-F238E27FC236}">
                  <a16:creationId xmlns:a16="http://schemas.microsoft.com/office/drawing/2014/main" id="{A4F0F9F3-9E2F-0128-4A46-2C3E360F72BB}"/>
                </a:ext>
              </a:extLst>
            </p:cNvPr>
            <p:cNvCxnSpPr>
              <a:cxnSpLocks/>
              <a:endCxn id="14" idx="2"/>
            </p:cNvCxnSpPr>
            <p:nvPr/>
          </p:nvCxnSpPr>
          <p:spPr>
            <a:xfrm>
              <a:off x="6749431" y="4816757"/>
              <a:ext cx="725433" cy="3"/>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6" name="直線矢印コネクタ 65">
              <a:extLst>
                <a:ext uri="{FF2B5EF4-FFF2-40B4-BE49-F238E27FC236}">
                  <a16:creationId xmlns:a16="http://schemas.microsoft.com/office/drawing/2014/main" id="{78081BB5-CD76-F3B2-BD49-DEA63ED4691A}"/>
                </a:ext>
              </a:extLst>
            </p:cNvPr>
            <p:cNvCxnSpPr>
              <a:cxnSpLocks/>
              <a:endCxn id="25" idx="2"/>
            </p:cNvCxnSpPr>
            <p:nvPr/>
          </p:nvCxnSpPr>
          <p:spPr>
            <a:xfrm flipV="1">
              <a:off x="5743555" y="3836275"/>
              <a:ext cx="603046" cy="27651"/>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8" name="直線矢印コネクタ 67">
              <a:extLst>
                <a:ext uri="{FF2B5EF4-FFF2-40B4-BE49-F238E27FC236}">
                  <a16:creationId xmlns:a16="http://schemas.microsoft.com/office/drawing/2014/main" id="{3B690933-1C6C-7401-F171-6461BB12CCF7}"/>
                </a:ext>
              </a:extLst>
            </p:cNvPr>
            <p:cNvCxnSpPr>
              <a:cxnSpLocks/>
              <a:endCxn id="19" idx="2"/>
            </p:cNvCxnSpPr>
            <p:nvPr/>
          </p:nvCxnSpPr>
          <p:spPr>
            <a:xfrm flipV="1">
              <a:off x="6732668" y="3836275"/>
              <a:ext cx="716471" cy="32330"/>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0" name="直線矢印コネクタ 69">
              <a:extLst>
                <a:ext uri="{FF2B5EF4-FFF2-40B4-BE49-F238E27FC236}">
                  <a16:creationId xmlns:a16="http://schemas.microsoft.com/office/drawing/2014/main" id="{DBE1394D-E72B-E068-7BF4-BC8BFF4FEE46}"/>
                </a:ext>
              </a:extLst>
            </p:cNvPr>
            <p:cNvCxnSpPr>
              <a:cxnSpLocks/>
              <a:endCxn id="8" idx="2"/>
            </p:cNvCxnSpPr>
            <p:nvPr/>
          </p:nvCxnSpPr>
          <p:spPr>
            <a:xfrm flipV="1">
              <a:off x="5698580" y="2883445"/>
              <a:ext cx="646775" cy="10469"/>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2" name="直線矢印コネクタ 71">
              <a:extLst>
                <a:ext uri="{FF2B5EF4-FFF2-40B4-BE49-F238E27FC236}">
                  <a16:creationId xmlns:a16="http://schemas.microsoft.com/office/drawing/2014/main" id="{B1AD33AD-18BF-D44D-FE9F-061EAB05A4DC}"/>
                </a:ext>
              </a:extLst>
            </p:cNvPr>
            <p:cNvCxnSpPr>
              <a:cxnSpLocks/>
              <a:endCxn id="20" idx="2"/>
            </p:cNvCxnSpPr>
            <p:nvPr/>
          </p:nvCxnSpPr>
          <p:spPr>
            <a:xfrm flipV="1">
              <a:off x="6756170" y="2890582"/>
              <a:ext cx="699885" cy="21183"/>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7" name="コネクタ: カギ線 76">
              <a:extLst>
                <a:ext uri="{FF2B5EF4-FFF2-40B4-BE49-F238E27FC236}">
                  <a16:creationId xmlns:a16="http://schemas.microsoft.com/office/drawing/2014/main" id="{68CC0A5C-E732-1D3E-224F-150F0FD03484}"/>
                </a:ext>
              </a:extLst>
            </p:cNvPr>
            <p:cNvCxnSpPr>
              <a:stCxn id="22" idx="6"/>
              <a:endCxn id="26" idx="2"/>
            </p:cNvCxnSpPr>
            <p:nvPr/>
          </p:nvCxnSpPr>
          <p:spPr>
            <a:xfrm>
              <a:off x="5724210" y="1868130"/>
              <a:ext cx="628057" cy="3835501"/>
            </a:xfrm>
            <a:prstGeom prst="bentConnector3">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9" name="コネクタ: カギ線 78">
              <a:extLst>
                <a:ext uri="{FF2B5EF4-FFF2-40B4-BE49-F238E27FC236}">
                  <a16:creationId xmlns:a16="http://schemas.microsoft.com/office/drawing/2014/main" id="{B18061A9-ADC2-3CD3-A44D-45E77F10BDAF}"/>
                </a:ext>
              </a:extLst>
            </p:cNvPr>
            <p:cNvCxnSpPr>
              <a:stCxn id="21" idx="6"/>
              <a:endCxn id="17" idx="2"/>
            </p:cNvCxnSpPr>
            <p:nvPr/>
          </p:nvCxnSpPr>
          <p:spPr>
            <a:xfrm>
              <a:off x="6742519" y="1891617"/>
              <a:ext cx="727359" cy="3812014"/>
            </a:xfrm>
            <a:prstGeom prst="bentConnector3">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0" name="直線矢印コネクタ 79">
              <a:extLst>
                <a:ext uri="{FF2B5EF4-FFF2-40B4-BE49-F238E27FC236}">
                  <a16:creationId xmlns:a16="http://schemas.microsoft.com/office/drawing/2014/main" id="{B9339211-8B38-1E20-07C9-82179D797A2E}"/>
                </a:ext>
              </a:extLst>
            </p:cNvPr>
            <p:cNvCxnSpPr>
              <a:cxnSpLocks/>
            </p:cNvCxnSpPr>
            <p:nvPr/>
          </p:nvCxnSpPr>
          <p:spPr>
            <a:xfrm flipH="1" flipV="1">
              <a:off x="4429587" y="1076351"/>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1" name="直線矢印コネクタ 80">
              <a:extLst>
                <a:ext uri="{FF2B5EF4-FFF2-40B4-BE49-F238E27FC236}">
                  <a16:creationId xmlns:a16="http://schemas.microsoft.com/office/drawing/2014/main" id="{5C4348E5-531A-041D-DD52-CAED5D86A8EF}"/>
                </a:ext>
              </a:extLst>
            </p:cNvPr>
            <p:cNvCxnSpPr>
              <a:cxnSpLocks/>
            </p:cNvCxnSpPr>
            <p:nvPr/>
          </p:nvCxnSpPr>
          <p:spPr>
            <a:xfrm flipH="1" flipV="1">
              <a:off x="5563726" y="1100263"/>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2" name="直線矢印コネクタ 81">
              <a:extLst>
                <a:ext uri="{FF2B5EF4-FFF2-40B4-BE49-F238E27FC236}">
                  <a16:creationId xmlns:a16="http://schemas.microsoft.com/office/drawing/2014/main" id="{617105D0-363B-67B4-4632-25A23BEE787E}"/>
                </a:ext>
              </a:extLst>
            </p:cNvPr>
            <p:cNvCxnSpPr>
              <a:cxnSpLocks/>
            </p:cNvCxnSpPr>
            <p:nvPr/>
          </p:nvCxnSpPr>
          <p:spPr>
            <a:xfrm flipH="1" flipV="1">
              <a:off x="6537491" y="1114610"/>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3" name="直線矢印コネクタ 82">
              <a:extLst>
                <a:ext uri="{FF2B5EF4-FFF2-40B4-BE49-F238E27FC236}">
                  <a16:creationId xmlns:a16="http://schemas.microsoft.com/office/drawing/2014/main" id="{39F16064-B460-2097-75E9-97642F8D5297}"/>
                </a:ext>
              </a:extLst>
            </p:cNvPr>
            <p:cNvCxnSpPr>
              <a:cxnSpLocks/>
            </p:cNvCxnSpPr>
            <p:nvPr/>
          </p:nvCxnSpPr>
          <p:spPr>
            <a:xfrm flipH="1" flipV="1">
              <a:off x="7647725" y="1085178"/>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4" name="直線矢印コネクタ 83">
              <a:extLst>
                <a:ext uri="{FF2B5EF4-FFF2-40B4-BE49-F238E27FC236}">
                  <a16:creationId xmlns:a16="http://schemas.microsoft.com/office/drawing/2014/main" id="{A6541940-A676-A340-9996-4E6E42B8BB22}"/>
                </a:ext>
              </a:extLst>
            </p:cNvPr>
            <p:cNvCxnSpPr>
              <a:cxnSpLocks/>
            </p:cNvCxnSpPr>
            <p:nvPr/>
          </p:nvCxnSpPr>
          <p:spPr>
            <a:xfrm flipH="1" flipV="1">
              <a:off x="4438258" y="5936771"/>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5" name="直線矢印コネクタ 84">
              <a:extLst>
                <a:ext uri="{FF2B5EF4-FFF2-40B4-BE49-F238E27FC236}">
                  <a16:creationId xmlns:a16="http://schemas.microsoft.com/office/drawing/2014/main" id="{32AF40E8-F4B1-8B3D-473A-A2325FA5F0C9}"/>
                </a:ext>
              </a:extLst>
            </p:cNvPr>
            <p:cNvCxnSpPr>
              <a:cxnSpLocks/>
            </p:cNvCxnSpPr>
            <p:nvPr/>
          </p:nvCxnSpPr>
          <p:spPr>
            <a:xfrm flipH="1" flipV="1">
              <a:off x="5534234" y="5936771"/>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6" name="直線矢印コネクタ 85">
              <a:extLst>
                <a:ext uri="{FF2B5EF4-FFF2-40B4-BE49-F238E27FC236}">
                  <a16:creationId xmlns:a16="http://schemas.microsoft.com/office/drawing/2014/main" id="{D24E17D1-93C4-CB37-81CE-D6D45D5E53E8}"/>
                </a:ext>
              </a:extLst>
            </p:cNvPr>
            <p:cNvCxnSpPr>
              <a:cxnSpLocks/>
            </p:cNvCxnSpPr>
            <p:nvPr/>
          </p:nvCxnSpPr>
          <p:spPr>
            <a:xfrm flipH="1" flipV="1">
              <a:off x="6538468" y="5925125"/>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7" name="直線矢印コネクタ 86">
              <a:extLst>
                <a:ext uri="{FF2B5EF4-FFF2-40B4-BE49-F238E27FC236}">
                  <a16:creationId xmlns:a16="http://schemas.microsoft.com/office/drawing/2014/main" id="{C7E3E134-4C34-C29B-9799-F3359DCB0D3F}"/>
                </a:ext>
              </a:extLst>
            </p:cNvPr>
            <p:cNvCxnSpPr>
              <a:cxnSpLocks/>
            </p:cNvCxnSpPr>
            <p:nvPr/>
          </p:nvCxnSpPr>
          <p:spPr>
            <a:xfrm flipH="1" flipV="1">
              <a:off x="7675123" y="5907714"/>
              <a:ext cx="6912" cy="58650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742267238"/>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30">
            <a:extLst>
              <a:ext uri="{FF2B5EF4-FFF2-40B4-BE49-F238E27FC236}">
                <a16:creationId xmlns:a16="http://schemas.microsoft.com/office/drawing/2014/main" id="{5375FA62-4FE4-A286-FAD9-06FDD6EAB6DF}"/>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量子コンピュータ＠アニーリング型</a:t>
            </a:r>
          </a:p>
        </p:txBody>
      </p:sp>
      <p:pic>
        <p:nvPicPr>
          <p:cNvPr id="5122" name="Picture 2" descr="東北大学、量子アニーリングの新シミュレーション手法 | 日経クロステック（xTECH）">
            <a:extLst>
              <a:ext uri="{FF2B5EF4-FFF2-40B4-BE49-F238E27FC236}">
                <a16:creationId xmlns:a16="http://schemas.microsoft.com/office/drawing/2014/main" id="{AC065869-15F6-D880-3E63-9059983594F9}"/>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47602" y="1408309"/>
            <a:ext cx="11696795" cy="523431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82126581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30">
            <a:extLst>
              <a:ext uri="{FF2B5EF4-FFF2-40B4-BE49-F238E27FC236}">
                <a16:creationId xmlns:a16="http://schemas.microsoft.com/office/drawing/2014/main" id="{5375FA62-4FE4-A286-FAD9-06FDD6EAB6DF}"/>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量子アニーリング</a:t>
            </a:r>
            <a:r>
              <a:rPr lang="ja-JP" altLang="en-US" sz="2400" b="1" dirty="0">
                <a:latin typeface="BIZ UDPゴシック" panose="020B0400000000000000" pitchFamily="50" charset="-128"/>
                <a:ea typeface="BIZ UDPゴシック" panose="020B0400000000000000" pitchFamily="50" charset="-128"/>
              </a:rPr>
              <a:t>はリザバー計算機と考え方は同じ</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6146" name="Picture 2" descr="積み木のイラスト（おもちゃ）">
            <a:extLst>
              <a:ext uri="{FF2B5EF4-FFF2-40B4-BE49-F238E27FC236}">
                <a16:creationId xmlns:a16="http://schemas.microsoft.com/office/drawing/2014/main" id="{4CF2B870-8458-EF7A-E5EF-23464273B924}"/>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525584" y="1005998"/>
            <a:ext cx="3429000" cy="2888933"/>
          </a:xfrm>
          <a:prstGeom prst="rect">
            <a:avLst/>
          </a:prstGeom>
          <a:noFill/>
          <a:extLst>
            <a:ext uri="{909E8E84-426E-40DD-AFC4-6F175D3DCCD1}">
              <a14:hiddenFill xmlns:a14="http://schemas.microsoft.com/office/drawing/2010/main">
                <a:solidFill>
                  <a:srgbClr val="FFFFFF"/>
                </a:solidFill>
              </a14:hiddenFill>
            </a:ext>
          </a:extLst>
        </p:spPr>
      </p:pic>
      <p:pic>
        <p:nvPicPr>
          <p:cNvPr id="6148" name="Picture 4" descr="協力して積み木を積み上げる子供たちのイラスト">
            <a:extLst>
              <a:ext uri="{FF2B5EF4-FFF2-40B4-BE49-F238E27FC236}">
                <a16:creationId xmlns:a16="http://schemas.microsoft.com/office/drawing/2014/main" id="{8E46CBEF-3AF6-0FF4-6985-DC3FE1B70AC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239000" y="3429000"/>
            <a:ext cx="4286250" cy="3724275"/>
          </a:xfrm>
          <a:prstGeom prst="rect">
            <a:avLst/>
          </a:prstGeom>
          <a:noFill/>
          <a:extLst>
            <a:ext uri="{909E8E84-426E-40DD-AFC4-6F175D3DCCD1}">
              <a14:hiddenFill xmlns:a14="http://schemas.microsoft.com/office/drawing/2010/main">
                <a:solidFill>
                  <a:srgbClr val="FFFFFF"/>
                </a:solidFill>
              </a14:hiddenFill>
            </a:ext>
          </a:extLst>
        </p:spPr>
      </p:pic>
      <p:pic>
        <p:nvPicPr>
          <p:cNvPr id="6150" name="Picture 6" descr="空き箱のイラスト">
            <a:extLst>
              <a:ext uri="{FF2B5EF4-FFF2-40B4-BE49-F238E27FC236}">
                <a16:creationId xmlns:a16="http://schemas.microsoft.com/office/drawing/2014/main" id="{56171C1A-5586-49B7-7C41-B93AA883FDF0}"/>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66750" y="1645920"/>
            <a:ext cx="5429250" cy="5212080"/>
          </a:xfrm>
          <a:prstGeom prst="rect">
            <a:avLst/>
          </a:prstGeom>
          <a:noFill/>
          <a:extLst>
            <a:ext uri="{909E8E84-426E-40DD-AFC4-6F175D3DCCD1}">
              <a14:hiddenFill xmlns:a14="http://schemas.microsoft.com/office/drawing/2010/main">
                <a:solidFill>
                  <a:srgbClr val="FFFFFF"/>
                </a:solidFill>
              </a14:hiddenFill>
            </a:ext>
          </a:extLst>
        </p:spPr>
      </p:pic>
      <p:pic>
        <p:nvPicPr>
          <p:cNvPr id="2" name="Picture 2" descr="積み木のイラスト（おもちゃ）">
            <a:extLst>
              <a:ext uri="{FF2B5EF4-FFF2-40B4-BE49-F238E27FC236}">
                <a16:creationId xmlns:a16="http://schemas.microsoft.com/office/drawing/2014/main" id="{31DB7C2E-BCFE-53B2-A7F9-CF323979E759}"/>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rot="11692687">
            <a:off x="5864094" y="773033"/>
            <a:ext cx="3429000" cy="2888933"/>
          </a:xfrm>
          <a:prstGeom prst="rect">
            <a:avLst/>
          </a:prstGeom>
          <a:noFill/>
          <a:extLst>
            <a:ext uri="{909E8E84-426E-40DD-AFC4-6F175D3DCCD1}">
              <a14:hiddenFill xmlns:a14="http://schemas.microsoft.com/office/drawing/2010/main">
                <a:solidFill>
                  <a:srgbClr val="FFFFFF"/>
                </a:solidFill>
              </a14:hiddenFill>
            </a:ext>
          </a:extLst>
        </p:spPr>
      </p:pic>
      <p:sp>
        <p:nvSpPr>
          <p:cNvPr id="3" name="矢印: 上向き折線 2">
            <a:extLst>
              <a:ext uri="{FF2B5EF4-FFF2-40B4-BE49-F238E27FC236}">
                <a16:creationId xmlns:a16="http://schemas.microsoft.com/office/drawing/2014/main" id="{2C038344-9D03-9F11-BE11-62F835E51861}"/>
              </a:ext>
            </a:extLst>
          </p:cNvPr>
          <p:cNvSpPr/>
          <p:nvPr/>
        </p:nvSpPr>
        <p:spPr>
          <a:xfrm rot="10800000">
            <a:off x="2667000" y="1104899"/>
            <a:ext cx="3429000" cy="1355249"/>
          </a:xfrm>
          <a:prstGeom prst="bentUpArrow">
            <a:avLst>
              <a:gd name="adj1" fmla="val 12674"/>
              <a:gd name="adj2" fmla="val 14944"/>
              <a:gd name="adj3" fmla="val 26946"/>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6152" name="Picture 8" descr="OKサインを出す人のイラスト（女性）">
            <a:extLst>
              <a:ext uri="{FF2B5EF4-FFF2-40B4-BE49-F238E27FC236}">
                <a16:creationId xmlns:a16="http://schemas.microsoft.com/office/drawing/2014/main" id="{F4FD2AA9-F49D-093D-44E7-24C4952FC32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0" y="1065960"/>
            <a:ext cx="2121394" cy="231214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6167066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30">
            <a:extLst>
              <a:ext uri="{FF2B5EF4-FFF2-40B4-BE49-F238E27FC236}">
                <a16:creationId xmlns:a16="http://schemas.microsoft.com/office/drawing/2014/main" id="{5375FA62-4FE4-A286-FAD9-06FDD6EAB6DF}"/>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latin typeface="BIZ UDPゴシック" panose="020B0400000000000000" pitchFamily="50" charset="-128"/>
                <a:ea typeface="BIZ UDPゴシック" panose="020B0400000000000000" pitchFamily="50" charset="-128"/>
              </a:rPr>
              <a:t>実際に試してみて確かめる</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7170" name="Picture 2" descr="段ボール箱のイラスト（開いた状態）">
            <a:extLst>
              <a:ext uri="{FF2B5EF4-FFF2-40B4-BE49-F238E27FC236}">
                <a16:creationId xmlns:a16="http://schemas.microsoft.com/office/drawing/2014/main" id="{DADBD881-E7B2-B9B5-70FC-D2E7B9E4D06F}"/>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2338769"/>
            <a:ext cx="5960946" cy="3858358"/>
          </a:xfrm>
          <a:prstGeom prst="rect">
            <a:avLst/>
          </a:prstGeom>
          <a:noFill/>
          <a:extLst>
            <a:ext uri="{909E8E84-426E-40DD-AFC4-6F175D3DCCD1}">
              <a14:hiddenFill xmlns:a14="http://schemas.microsoft.com/office/drawing/2010/main">
                <a:solidFill>
                  <a:srgbClr val="FFFFFF"/>
                </a:solidFill>
              </a14:hiddenFill>
            </a:ext>
          </a:extLst>
        </p:spPr>
      </p:pic>
      <p:pic>
        <p:nvPicPr>
          <p:cNvPr id="7172" name="Picture 4" descr="段ボール箱のイラスト（閉じた状態）">
            <a:extLst>
              <a:ext uri="{FF2B5EF4-FFF2-40B4-BE49-F238E27FC236}">
                <a16:creationId xmlns:a16="http://schemas.microsoft.com/office/drawing/2014/main" id="{B8A51BFC-01CF-5E79-D3D0-3D48DE4A3A42}"/>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57292" y="2244501"/>
            <a:ext cx="4471706" cy="4046894"/>
          </a:xfrm>
          <a:prstGeom prst="rect">
            <a:avLst/>
          </a:prstGeom>
          <a:noFill/>
          <a:extLst>
            <a:ext uri="{909E8E84-426E-40DD-AFC4-6F175D3DCCD1}">
              <a14:hiddenFill xmlns:a14="http://schemas.microsoft.com/office/drawing/2010/main">
                <a:solidFill>
                  <a:srgbClr val="FFFFFF"/>
                </a:solidFill>
              </a14:hiddenFill>
            </a:ext>
          </a:extLst>
        </p:spPr>
      </p:pic>
      <p:sp>
        <p:nvSpPr>
          <p:cNvPr id="4" name="テキスト ボックス 3">
            <a:extLst>
              <a:ext uri="{FF2B5EF4-FFF2-40B4-BE49-F238E27FC236}">
                <a16:creationId xmlns:a16="http://schemas.microsoft.com/office/drawing/2014/main" id="{7EA09BA4-BCDA-2BB7-8746-70BCB92F1434}"/>
              </a:ext>
            </a:extLst>
          </p:cNvPr>
          <p:cNvSpPr txBox="1"/>
          <p:nvPr/>
        </p:nvSpPr>
        <p:spPr>
          <a:xfrm>
            <a:off x="7859999" y="1848262"/>
            <a:ext cx="2409092" cy="584775"/>
          </a:xfrm>
          <a:prstGeom prst="rect">
            <a:avLst/>
          </a:prstGeom>
          <a:noFill/>
        </p:spPr>
        <p:txBody>
          <a:bodyPr wrap="square" rtlCol="0">
            <a:spAutoFit/>
          </a:bodyPr>
          <a:lstStyle/>
          <a:p>
            <a:pPr algn="ctr"/>
            <a:r>
              <a:rPr kumimoji="1" lang="ja-JP" altLang="en-US" sz="3200" dirty="0">
                <a:latin typeface="BIZ UDPゴシック" panose="020B0400000000000000" pitchFamily="50" charset="-128"/>
                <a:ea typeface="BIZ UDPゴシック" panose="020B0400000000000000" pitchFamily="50" charset="-128"/>
              </a:rPr>
              <a:t>最適化状態</a:t>
            </a:r>
          </a:p>
        </p:txBody>
      </p:sp>
      <p:sp>
        <p:nvSpPr>
          <p:cNvPr id="6" name="テキスト ボックス 5">
            <a:extLst>
              <a:ext uri="{FF2B5EF4-FFF2-40B4-BE49-F238E27FC236}">
                <a16:creationId xmlns:a16="http://schemas.microsoft.com/office/drawing/2014/main" id="{8D43F7AE-FB88-0EBF-897B-D07B2C99D1F8}"/>
              </a:ext>
            </a:extLst>
          </p:cNvPr>
          <p:cNvSpPr txBox="1"/>
          <p:nvPr/>
        </p:nvSpPr>
        <p:spPr>
          <a:xfrm>
            <a:off x="434403" y="1848262"/>
            <a:ext cx="5535575" cy="584775"/>
          </a:xfrm>
          <a:prstGeom prst="rect">
            <a:avLst/>
          </a:prstGeom>
          <a:noFill/>
        </p:spPr>
        <p:txBody>
          <a:bodyPr wrap="square" rtlCol="0">
            <a:spAutoFit/>
          </a:bodyPr>
          <a:lstStyle/>
          <a:p>
            <a:pPr algn="ctr"/>
            <a:r>
              <a:rPr kumimoji="1" lang="ja-JP" altLang="en-US" sz="3200" dirty="0">
                <a:latin typeface="BIZ UDPゴシック" panose="020B0400000000000000" pitchFamily="50" charset="-128"/>
                <a:ea typeface="BIZ UDPゴシック" panose="020B0400000000000000" pitchFamily="50" charset="-128"/>
              </a:rPr>
              <a:t>ちょっと隙間があるかも</a:t>
            </a:r>
            <a:r>
              <a:rPr kumimoji="1" lang="en-US" altLang="ja-JP" sz="3200" dirty="0">
                <a:latin typeface="BIZ UDPゴシック" panose="020B0400000000000000" pitchFamily="50" charset="-128"/>
                <a:ea typeface="BIZ UDPゴシック" panose="020B0400000000000000" pitchFamily="50" charset="-128"/>
              </a:rPr>
              <a:t>…</a:t>
            </a:r>
            <a:endParaRPr kumimoji="1" lang="ja-JP" altLang="en-US" sz="3200" dirty="0">
              <a:latin typeface="BIZ UDPゴシック" panose="020B0400000000000000" pitchFamily="50" charset="-128"/>
              <a:ea typeface="BIZ UDPゴシック" panose="020B0400000000000000" pitchFamily="50" charset="-128"/>
            </a:endParaRPr>
          </a:p>
        </p:txBody>
      </p:sp>
      <p:pic>
        <p:nvPicPr>
          <p:cNvPr id="7174" name="Picture 6" descr="勉強している動物のイラスト（ゾウ）">
            <a:extLst>
              <a:ext uri="{FF2B5EF4-FFF2-40B4-BE49-F238E27FC236}">
                <a16:creationId xmlns:a16="http://schemas.microsoft.com/office/drawing/2014/main" id="{480BB75D-1264-D662-6FEC-6D7DC3B9C200}"/>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207684" y="4541812"/>
            <a:ext cx="2061407" cy="2316188"/>
          </a:xfrm>
          <a:prstGeom prst="rect">
            <a:avLst/>
          </a:prstGeom>
          <a:noFill/>
          <a:extLst>
            <a:ext uri="{909E8E84-426E-40DD-AFC4-6F175D3DCCD1}">
              <a14:hiddenFill xmlns:a14="http://schemas.microsoft.com/office/drawing/2010/main">
                <a:solidFill>
                  <a:srgbClr val="FFFFFF"/>
                </a:solidFill>
              </a14:hiddenFill>
            </a:ext>
          </a:extLst>
        </p:spPr>
      </p:pic>
      <p:pic>
        <p:nvPicPr>
          <p:cNvPr id="7176" name="Picture 8" descr="勉強が不調な人のイラスト（男性）">
            <a:extLst>
              <a:ext uri="{FF2B5EF4-FFF2-40B4-BE49-F238E27FC236}">
                <a16:creationId xmlns:a16="http://schemas.microsoft.com/office/drawing/2014/main" id="{A4D2C60E-BF30-7A19-F063-B27D0BC1D58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97598" y="4068873"/>
            <a:ext cx="2783434" cy="2783434"/>
          </a:xfrm>
          <a:prstGeom prst="rect">
            <a:avLst/>
          </a:prstGeom>
          <a:noFill/>
          <a:extLst>
            <a:ext uri="{909E8E84-426E-40DD-AFC4-6F175D3DCCD1}">
              <a14:hiddenFill xmlns:a14="http://schemas.microsoft.com/office/drawing/2010/main">
                <a:solidFill>
                  <a:srgbClr val="FFFFFF"/>
                </a:solidFill>
              </a14:hiddenFill>
            </a:ext>
          </a:extLst>
        </p:spPr>
      </p:pic>
      <p:pic>
        <p:nvPicPr>
          <p:cNvPr id="7178" name="Picture 10" descr="受験を応援するタコのイラスト">
            <a:extLst>
              <a:ext uri="{FF2B5EF4-FFF2-40B4-BE49-F238E27FC236}">
                <a16:creationId xmlns:a16="http://schemas.microsoft.com/office/drawing/2014/main" id="{8AB556DC-3606-5791-FB76-3D697B07F78E}"/>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877007" y="458464"/>
            <a:ext cx="2400588" cy="178603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87812135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30">
            <a:extLst>
              <a:ext uri="{FF2B5EF4-FFF2-40B4-BE49-F238E27FC236}">
                <a16:creationId xmlns:a16="http://schemas.microsoft.com/office/drawing/2014/main" id="{5375FA62-4FE4-A286-FAD9-06FDD6EAB6DF}"/>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ため池（</a:t>
            </a:r>
            <a:r>
              <a:rPr kumimoji="1" lang="en-US" altLang="ja-JP" sz="2400" b="1" dirty="0" err="1">
                <a:latin typeface="BIZ UDPゴシック" panose="020B0400000000000000" pitchFamily="50" charset="-128"/>
                <a:ea typeface="BIZ UDPゴシック" panose="020B0400000000000000" pitchFamily="50" charset="-128"/>
              </a:rPr>
              <a:t>Resovoir</a:t>
            </a:r>
            <a:r>
              <a:rPr lang="ja-JP" altLang="en-US" sz="2400" b="1" dirty="0">
                <a:latin typeface="BIZ UDPゴシック" panose="020B0400000000000000" pitchFamily="50" charset="-128"/>
                <a:ea typeface="BIZ UDPゴシック" panose="020B0400000000000000" pitchFamily="50" charset="-128"/>
              </a:rPr>
              <a:t>）</a:t>
            </a:r>
            <a:endParaRPr kumimoji="1" lang="ja-JP" altLang="en-US" sz="2400" b="1" dirty="0">
              <a:latin typeface="BIZ UDPゴシック" panose="020B0400000000000000" pitchFamily="50" charset="-128"/>
              <a:ea typeface="BIZ UDPゴシック" panose="020B0400000000000000" pitchFamily="50" charset="-128"/>
            </a:endParaRPr>
          </a:p>
        </p:txBody>
      </p:sp>
      <p:sp>
        <p:nvSpPr>
          <p:cNvPr id="3" name="テキスト ボックス 2">
            <a:extLst>
              <a:ext uri="{FF2B5EF4-FFF2-40B4-BE49-F238E27FC236}">
                <a16:creationId xmlns:a16="http://schemas.microsoft.com/office/drawing/2014/main" id="{B890E65B-5299-C9DE-5A5C-B488E803C893}"/>
              </a:ext>
            </a:extLst>
          </p:cNvPr>
          <p:cNvSpPr txBox="1"/>
          <p:nvPr/>
        </p:nvSpPr>
        <p:spPr>
          <a:xfrm>
            <a:off x="1713555" y="6473529"/>
            <a:ext cx="8284388" cy="369332"/>
          </a:xfrm>
          <a:prstGeom prst="rect">
            <a:avLst/>
          </a:prstGeom>
          <a:noFill/>
        </p:spPr>
        <p:txBody>
          <a:bodyPr wrap="square">
            <a:spAutoFit/>
          </a:bodyPr>
          <a:lstStyle/>
          <a:p>
            <a:r>
              <a:rPr lang="en-US" altLang="ja-JP" dirty="0"/>
              <a:t>https://engineer.fabcross.jp/archeive/230620_reservoir-computing.html</a:t>
            </a:r>
            <a:endParaRPr lang="ja-JP" altLang="en-US" dirty="0"/>
          </a:p>
        </p:txBody>
      </p:sp>
      <p:sp>
        <p:nvSpPr>
          <p:cNvPr id="5" name="テキスト ボックス 4">
            <a:extLst>
              <a:ext uri="{FF2B5EF4-FFF2-40B4-BE49-F238E27FC236}">
                <a16:creationId xmlns:a16="http://schemas.microsoft.com/office/drawing/2014/main" id="{FD9D3363-BE7B-CA9D-A65A-6766C39A2E19}"/>
              </a:ext>
            </a:extLst>
          </p:cNvPr>
          <p:cNvSpPr txBox="1"/>
          <p:nvPr/>
        </p:nvSpPr>
        <p:spPr>
          <a:xfrm>
            <a:off x="181368" y="592540"/>
            <a:ext cx="12010631" cy="646331"/>
          </a:xfrm>
          <a:prstGeom prst="rect">
            <a:avLst/>
          </a:prstGeom>
          <a:noFill/>
        </p:spPr>
        <p:txBody>
          <a:bodyPr wrap="square">
            <a:spAutoFit/>
          </a:bodyPr>
          <a:lstStyle/>
          <a:p>
            <a:pPr algn="l"/>
            <a:r>
              <a:rPr lang="ja-JP" altLang="en-US" b="1" i="0" dirty="0">
                <a:solidFill>
                  <a:srgbClr val="10193A"/>
                </a:solidFill>
                <a:effectLst/>
                <a:latin typeface="Century Gothic" panose="020B0502020202020204" pitchFamily="34" charset="0"/>
              </a:rPr>
              <a:t>水の波を使って未来を予測するアナログコンピューター</a:t>
            </a:r>
            <a:r>
              <a:rPr lang="en-US" altLang="ja-JP" b="1" i="0" dirty="0">
                <a:solidFill>
                  <a:srgbClr val="10193A"/>
                </a:solidFill>
                <a:effectLst/>
                <a:latin typeface="Century Gothic" panose="020B0502020202020204" pitchFamily="34" charset="0"/>
              </a:rPr>
              <a:t>――</a:t>
            </a:r>
            <a:r>
              <a:rPr lang="ja-JP" altLang="en-US" b="1" i="0" dirty="0">
                <a:solidFill>
                  <a:srgbClr val="10193A"/>
                </a:solidFill>
                <a:effectLst/>
                <a:latin typeface="Century Gothic" panose="020B0502020202020204" pitchFamily="34" charset="0"/>
              </a:rPr>
              <a:t>リザバー・コンピューティングにより高性能デジタルコンピューターを上回る性能</a:t>
            </a:r>
          </a:p>
        </p:txBody>
      </p:sp>
      <p:sp>
        <p:nvSpPr>
          <p:cNvPr id="7" name="テキスト ボックス 6">
            <a:extLst>
              <a:ext uri="{FF2B5EF4-FFF2-40B4-BE49-F238E27FC236}">
                <a16:creationId xmlns:a16="http://schemas.microsoft.com/office/drawing/2014/main" id="{CCD0FA84-317F-C9B6-0569-924E505856A4}"/>
              </a:ext>
            </a:extLst>
          </p:cNvPr>
          <p:cNvSpPr txBox="1"/>
          <p:nvPr/>
        </p:nvSpPr>
        <p:spPr>
          <a:xfrm>
            <a:off x="408394" y="1357860"/>
            <a:ext cx="11375211" cy="2893100"/>
          </a:xfrm>
          <a:prstGeom prst="rect">
            <a:avLst/>
          </a:prstGeom>
          <a:noFill/>
        </p:spPr>
        <p:txBody>
          <a:bodyPr wrap="square">
            <a:spAutoFit/>
          </a:bodyPr>
          <a:lstStyle/>
          <a:p>
            <a:pPr algn="l"/>
            <a:r>
              <a:rPr lang="ja-JP" altLang="en-US" sz="1400" b="0" i="0" dirty="0">
                <a:solidFill>
                  <a:srgbClr val="333333"/>
                </a:solidFill>
                <a:effectLst/>
                <a:latin typeface="BIZ UDPゴシック" panose="020B0400000000000000" pitchFamily="50" charset="-128"/>
                <a:ea typeface="BIZ UDPゴシック" panose="020B0400000000000000" pitchFamily="50" charset="-128"/>
              </a:rPr>
              <a:t>リザバー・コンピューターは、脳のニューロン構造に基づいたニューラルネットワークを使って提案されたが、水面の波のような単純な物理システムで構築することも可能だ。しかし、バケツの水では波がすぐに消えてしまうという限界がある。気候変動や人口増加のような複雑な過程を予測するには、より長持ちする波を使ったリザバーが必要だ。</a:t>
            </a:r>
          </a:p>
          <a:p>
            <a:pPr algn="l"/>
            <a:r>
              <a:rPr lang="ja-JP" altLang="en-US" sz="1400" b="0" i="0" dirty="0">
                <a:solidFill>
                  <a:srgbClr val="333333"/>
                </a:solidFill>
                <a:effectLst/>
                <a:latin typeface="BIZ UDPゴシック" panose="020B0400000000000000" pitchFamily="50" charset="-128"/>
                <a:ea typeface="BIZ UDPゴシック" panose="020B0400000000000000" pitchFamily="50" charset="-128"/>
              </a:rPr>
              <a:t>そこで、研究者らは、波形を保って長い距離を移動する孤立波である「ソリトン」を活用することを考えた。今回作られたリザバー・コンピューターでは、少し傾斜した金属板の上を薄い水の層が流れており、小さな電動ポンプで流速を変化させて波を発生させる。紫外線下で水が光るように蛍光材を加えて、研究者らは発生する波の大きさを正確に測った。このコンピューターで発生する孤立波は、バケツの水面の波よりもずっと速く動き、より長く存在するため、バケツの水を使う場合より高速にデータを処理できる。</a:t>
            </a:r>
          </a:p>
          <a:p>
            <a:pPr algn="l"/>
            <a:r>
              <a:rPr lang="ja-JP" altLang="en-US" sz="1400" b="0" i="0" dirty="0">
                <a:solidFill>
                  <a:srgbClr val="333333"/>
                </a:solidFill>
                <a:effectLst/>
                <a:latin typeface="BIZ UDPゴシック" panose="020B0400000000000000" pitchFamily="50" charset="-128"/>
                <a:ea typeface="BIZ UDPゴシック" panose="020B0400000000000000" pitchFamily="50" charset="-128"/>
              </a:rPr>
              <a:t>また、研究者らは、カオスでランダムなデータのベンチマークセットに対し、今回作成されたコンピューターで過去の入力を記憶する能力と予測能力をテストした。その結果、すべてのタスクを非常にうまく処理しただけでなく、同じタスクを課された高性能デジタルコンピューターを上回る性能を示した。</a:t>
            </a:r>
          </a:p>
          <a:p>
            <a:pPr algn="l"/>
            <a:r>
              <a:rPr lang="ja-JP" altLang="en-US" sz="1400" b="0" i="0" dirty="0">
                <a:solidFill>
                  <a:srgbClr val="333333"/>
                </a:solidFill>
                <a:effectLst/>
                <a:latin typeface="BIZ UDPゴシック" panose="020B0400000000000000" pitchFamily="50" charset="-128"/>
                <a:ea typeface="BIZ UDPゴシック" panose="020B0400000000000000" pitchFamily="50" charset="-128"/>
              </a:rPr>
              <a:t>このリザバー・コンピューターは、現在のスーパーコンピューターよりもはるかに低価格で入手できるので、将来さまざまな分野で信頼性の高い予報を出すことができるようになる可能性がある。デジタルデータを使用しないためサイバー攻撃に強いという利点もある。今後、研究者らは、このコンピューターをマイクロ流体プロセッサーとして小型化する予定だという。</a:t>
            </a:r>
            <a:endParaRPr lang="ja-JP" altLang="en-US" sz="14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29653219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object 3"/>
          <p:cNvPicPr/>
          <p:nvPr/>
        </p:nvPicPr>
        <p:blipFill>
          <a:blip r:embed="rId2" cstate="print"/>
          <a:stretch>
            <a:fillRect/>
          </a:stretch>
        </p:blipFill>
        <p:spPr>
          <a:xfrm>
            <a:off x="2058923" y="1161289"/>
            <a:ext cx="7763256" cy="3858767"/>
          </a:xfrm>
          <a:prstGeom prst="rect">
            <a:avLst/>
          </a:prstGeom>
        </p:spPr>
      </p:pic>
      <p:sp>
        <p:nvSpPr>
          <p:cNvPr id="4" name="object 4"/>
          <p:cNvSpPr txBox="1"/>
          <p:nvPr/>
        </p:nvSpPr>
        <p:spPr>
          <a:xfrm>
            <a:off x="6113527" y="2502789"/>
            <a:ext cx="1391285" cy="391160"/>
          </a:xfrm>
          <a:prstGeom prst="rect">
            <a:avLst/>
          </a:prstGeom>
        </p:spPr>
        <p:txBody>
          <a:bodyPr vert="horz" wrap="square" lIns="0" tIns="12700" rIns="0" bIns="0" rtlCol="0">
            <a:spAutoFit/>
          </a:bodyPr>
          <a:lstStyle/>
          <a:p>
            <a:pPr marL="12700">
              <a:spcBef>
                <a:spcPts val="100"/>
              </a:spcBef>
            </a:pPr>
            <a:r>
              <a:rPr sz="2400" b="1" dirty="0">
                <a:solidFill>
                  <a:srgbClr val="385622"/>
                </a:solidFill>
                <a:latin typeface="メイリオ"/>
                <a:cs typeface="メイリオ"/>
              </a:rPr>
              <a:t>再帰的</a:t>
            </a:r>
            <a:r>
              <a:rPr sz="2400" b="1" spc="-25" dirty="0">
                <a:solidFill>
                  <a:srgbClr val="385622"/>
                </a:solidFill>
                <a:latin typeface="Century Gothic"/>
                <a:cs typeface="Century Gothic"/>
              </a:rPr>
              <a:t>NN</a:t>
            </a:r>
            <a:endParaRPr sz="2400">
              <a:latin typeface="Century Gothic"/>
              <a:cs typeface="Century Gothic"/>
            </a:endParaRPr>
          </a:p>
        </p:txBody>
      </p:sp>
      <p:sp>
        <p:nvSpPr>
          <p:cNvPr id="8" name="object 8"/>
          <p:cNvSpPr txBox="1"/>
          <p:nvPr/>
        </p:nvSpPr>
        <p:spPr>
          <a:xfrm>
            <a:off x="3513075" y="1669120"/>
            <a:ext cx="5581229" cy="382156"/>
          </a:xfrm>
          <a:prstGeom prst="rect">
            <a:avLst/>
          </a:prstGeom>
        </p:spPr>
        <p:txBody>
          <a:bodyPr vert="horz" wrap="square" lIns="0" tIns="12700" rIns="0" bIns="0" rtlCol="0">
            <a:spAutoFit/>
          </a:bodyPr>
          <a:lstStyle/>
          <a:p>
            <a:pPr marR="612140" algn="ctr">
              <a:spcBef>
                <a:spcPts val="1260"/>
              </a:spcBef>
            </a:pPr>
            <a:r>
              <a:rPr lang="ja-JP" altLang="en-US" sz="2400" b="1" dirty="0">
                <a:solidFill>
                  <a:srgbClr val="FFFFFF"/>
                </a:solidFill>
                <a:latin typeface="メイリオ"/>
                <a:cs typeface="メイリオ"/>
              </a:rPr>
              <a:t>ニュー</a:t>
            </a:r>
            <a:r>
              <a:rPr sz="2400" b="1" dirty="0" err="1">
                <a:solidFill>
                  <a:srgbClr val="FFFFFF"/>
                </a:solidFill>
                <a:latin typeface="メイリオ"/>
                <a:cs typeface="メイリオ"/>
              </a:rPr>
              <a:t>ラルネットワーク</a:t>
            </a:r>
            <a:r>
              <a:rPr sz="2400" b="1" spc="-20" dirty="0" err="1">
                <a:solidFill>
                  <a:srgbClr val="FFFFFF"/>
                </a:solidFill>
                <a:latin typeface="メイリオ"/>
                <a:cs typeface="メイリオ"/>
              </a:rPr>
              <a:t>（</a:t>
            </a:r>
            <a:r>
              <a:rPr sz="2400" b="1" spc="-20" dirty="0" err="1">
                <a:solidFill>
                  <a:srgbClr val="FFFFFF"/>
                </a:solidFill>
                <a:latin typeface="Century Gothic"/>
                <a:cs typeface="Century Gothic"/>
              </a:rPr>
              <a:t>NN</a:t>
            </a:r>
            <a:r>
              <a:rPr sz="2400" b="1" spc="-20" dirty="0">
                <a:solidFill>
                  <a:srgbClr val="FFFFFF"/>
                </a:solidFill>
                <a:latin typeface="メイリオ"/>
                <a:cs typeface="メイリオ"/>
              </a:rPr>
              <a:t>）</a:t>
            </a:r>
            <a:endParaRPr sz="2400" dirty="0">
              <a:latin typeface="メイリオ"/>
              <a:cs typeface="メイリオ"/>
            </a:endParaRPr>
          </a:p>
        </p:txBody>
      </p:sp>
      <p:sp>
        <p:nvSpPr>
          <p:cNvPr id="9" name="object 9"/>
          <p:cNvSpPr txBox="1"/>
          <p:nvPr/>
        </p:nvSpPr>
        <p:spPr>
          <a:xfrm>
            <a:off x="1816069" y="3302106"/>
            <a:ext cx="8901430" cy="2208297"/>
          </a:xfrm>
          <a:prstGeom prst="rect">
            <a:avLst/>
          </a:prstGeom>
        </p:spPr>
        <p:txBody>
          <a:bodyPr vert="horz" wrap="square" lIns="0" tIns="12700" rIns="0" bIns="0" rtlCol="0">
            <a:spAutoFit/>
          </a:bodyPr>
          <a:lstStyle/>
          <a:p>
            <a:pPr marL="4371975">
              <a:spcBef>
                <a:spcPts val="100"/>
              </a:spcBef>
            </a:pPr>
            <a:r>
              <a:rPr b="1" spc="-20" dirty="0">
                <a:solidFill>
                  <a:srgbClr val="FF0000"/>
                </a:solidFill>
                <a:latin typeface="メイリオ"/>
                <a:cs typeface="メイリオ"/>
              </a:rPr>
              <a:t>リザバー</a:t>
            </a:r>
            <a:endParaRPr dirty="0">
              <a:latin typeface="メイリオ"/>
              <a:cs typeface="メイリオ"/>
            </a:endParaRPr>
          </a:p>
          <a:p>
            <a:pPr marL="4371975">
              <a:spcBef>
                <a:spcPts val="5"/>
              </a:spcBef>
            </a:pPr>
            <a:r>
              <a:rPr b="1" spc="-10" dirty="0">
                <a:solidFill>
                  <a:srgbClr val="FF0000"/>
                </a:solidFill>
                <a:latin typeface="メイリオ"/>
                <a:cs typeface="メイリオ"/>
              </a:rPr>
              <a:t>コンピューティング</a:t>
            </a:r>
            <a:endParaRPr dirty="0">
              <a:latin typeface="メイリオ"/>
              <a:cs typeface="メイリオ"/>
            </a:endParaRPr>
          </a:p>
          <a:p>
            <a:pPr>
              <a:spcBef>
                <a:spcPts val="1839"/>
              </a:spcBef>
            </a:pPr>
            <a:endParaRPr dirty="0">
              <a:latin typeface="メイリオ"/>
              <a:cs typeface="メイリオ"/>
            </a:endParaRPr>
          </a:p>
          <a:p>
            <a:pPr marL="12700"/>
            <a:r>
              <a:rPr spc="-5" dirty="0">
                <a:latin typeface="メイリオ"/>
                <a:cs typeface="メイリオ"/>
              </a:rPr>
              <a:t>ニューラルネットワークとは？</a:t>
            </a:r>
            <a:endParaRPr dirty="0">
              <a:latin typeface="メイリオ"/>
              <a:cs typeface="メイリオ"/>
            </a:endParaRPr>
          </a:p>
          <a:p>
            <a:pPr marL="12700"/>
            <a:r>
              <a:rPr dirty="0">
                <a:latin typeface="Century Gothic"/>
                <a:cs typeface="Century Gothic"/>
              </a:rPr>
              <a:t>→</a:t>
            </a:r>
            <a:r>
              <a:rPr spc="-5" dirty="0">
                <a:latin typeface="メイリオ"/>
                <a:cs typeface="メイリオ"/>
              </a:rPr>
              <a:t>人間の脳をもとにした機械学習手法。</a:t>
            </a:r>
            <a:endParaRPr dirty="0">
              <a:latin typeface="メイリオ"/>
              <a:cs typeface="メイリオ"/>
            </a:endParaRPr>
          </a:p>
          <a:p>
            <a:pPr marL="4315460">
              <a:spcBef>
                <a:spcPts val="110"/>
              </a:spcBef>
            </a:pPr>
            <a:r>
              <a:rPr spc="-5" dirty="0">
                <a:latin typeface="メイリオ"/>
                <a:cs typeface="メイリオ"/>
              </a:rPr>
              <a:t>データを繰り返し入力して</a:t>
            </a:r>
            <a:r>
              <a:rPr b="1" spc="-5" dirty="0">
                <a:solidFill>
                  <a:srgbClr val="FF0000"/>
                </a:solidFill>
                <a:latin typeface="メイリオ"/>
                <a:cs typeface="メイリオ"/>
              </a:rPr>
              <a:t>重み</a:t>
            </a:r>
            <a:r>
              <a:rPr spc="-10" dirty="0">
                <a:latin typeface="メイリオ"/>
                <a:cs typeface="メイリオ"/>
              </a:rPr>
              <a:t>を変化させ、</a:t>
            </a:r>
            <a:endParaRPr dirty="0">
              <a:latin typeface="メイリオ"/>
              <a:cs typeface="メイリオ"/>
            </a:endParaRPr>
          </a:p>
          <a:p>
            <a:pPr marL="4315460">
              <a:spcBef>
                <a:spcPts val="60"/>
              </a:spcBef>
            </a:pPr>
            <a:r>
              <a:rPr spc="-5" dirty="0">
                <a:latin typeface="メイリオ"/>
                <a:cs typeface="メイリオ"/>
              </a:rPr>
              <a:t>入出力間の関係を関数として近似・学習</a:t>
            </a:r>
            <a:endParaRPr dirty="0">
              <a:latin typeface="メイリオ"/>
              <a:cs typeface="メイリオ"/>
            </a:endParaRPr>
          </a:p>
        </p:txBody>
      </p:sp>
      <p:grpSp>
        <p:nvGrpSpPr>
          <p:cNvPr id="10" name="object 10"/>
          <p:cNvGrpSpPr/>
          <p:nvPr/>
        </p:nvGrpSpPr>
        <p:grpSpPr>
          <a:xfrm>
            <a:off x="3197099" y="5141722"/>
            <a:ext cx="2477135" cy="1409065"/>
            <a:chOff x="1673098" y="5141721"/>
            <a:chExt cx="2477135" cy="1409065"/>
          </a:xfrm>
        </p:grpSpPr>
        <p:sp>
          <p:nvSpPr>
            <p:cNvPr id="11" name="object 11"/>
            <p:cNvSpPr/>
            <p:nvPr/>
          </p:nvSpPr>
          <p:spPr>
            <a:xfrm>
              <a:off x="3842004" y="5404103"/>
              <a:ext cx="302260" cy="247015"/>
            </a:xfrm>
            <a:custGeom>
              <a:avLst/>
              <a:gdLst/>
              <a:ahLst/>
              <a:cxnLst/>
              <a:rect l="l" t="t" r="r" b="b"/>
              <a:pathLst>
                <a:path w="302260" h="247014">
                  <a:moveTo>
                    <a:pt x="150875" y="0"/>
                  </a:moveTo>
                  <a:lnTo>
                    <a:pt x="103193" y="6291"/>
                  </a:lnTo>
                  <a:lnTo>
                    <a:pt x="61776" y="23810"/>
                  </a:lnTo>
                  <a:lnTo>
                    <a:pt x="29114" y="50529"/>
                  </a:lnTo>
                  <a:lnTo>
                    <a:pt x="7693" y="84417"/>
                  </a:lnTo>
                  <a:lnTo>
                    <a:pt x="0" y="123444"/>
                  </a:lnTo>
                  <a:lnTo>
                    <a:pt x="7693" y="162460"/>
                  </a:lnTo>
                  <a:lnTo>
                    <a:pt x="29114" y="196347"/>
                  </a:lnTo>
                  <a:lnTo>
                    <a:pt x="61776" y="223069"/>
                  </a:lnTo>
                  <a:lnTo>
                    <a:pt x="103193" y="240594"/>
                  </a:lnTo>
                  <a:lnTo>
                    <a:pt x="150875" y="246888"/>
                  </a:lnTo>
                  <a:lnTo>
                    <a:pt x="198558" y="240594"/>
                  </a:lnTo>
                  <a:lnTo>
                    <a:pt x="239975" y="223069"/>
                  </a:lnTo>
                  <a:lnTo>
                    <a:pt x="272637" y="196347"/>
                  </a:lnTo>
                  <a:lnTo>
                    <a:pt x="294058" y="162460"/>
                  </a:lnTo>
                  <a:lnTo>
                    <a:pt x="301751" y="123444"/>
                  </a:lnTo>
                  <a:lnTo>
                    <a:pt x="294058" y="84417"/>
                  </a:lnTo>
                  <a:lnTo>
                    <a:pt x="272637" y="50529"/>
                  </a:lnTo>
                  <a:lnTo>
                    <a:pt x="239975" y="23810"/>
                  </a:lnTo>
                  <a:lnTo>
                    <a:pt x="198558" y="6291"/>
                  </a:lnTo>
                  <a:lnTo>
                    <a:pt x="150875" y="0"/>
                  </a:lnTo>
                  <a:close/>
                </a:path>
              </a:pathLst>
            </a:custGeom>
            <a:solidFill>
              <a:srgbClr val="FFFFFF"/>
            </a:solidFill>
          </p:spPr>
          <p:txBody>
            <a:bodyPr wrap="square" lIns="0" tIns="0" rIns="0" bIns="0" rtlCol="0"/>
            <a:lstStyle/>
            <a:p>
              <a:endParaRPr/>
            </a:p>
          </p:txBody>
        </p:sp>
        <p:sp>
          <p:nvSpPr>
            <p:cNvPr id="12" name="object 12"/>
            <p:cNvSpPr/>
            <p:nvPr/>
          </p:nvSpPr>
          <p:spPr>
            <a:xfrm>
              <a:off x="3842004" y="5404103"/>
              <a:ext cx="302260" cy="247015"/>
            </a:xfrm>
            <a:custGeom>
              <a:avLst/>
              <a:gdLst/>
              <a:ahLst/>
              <a:cxnLst/>
              <a:rect l="l" t="t" r="r" b="b"/>
              <a:pathLst>
                <a:path w="302260" h="247014">
                  <a:moveTo>
                    <a:pt x="0" y="123444"/>
                  </a:moveTo>
                  <a:lnTo>
                    <a:pt x="7693" y="84417"/>
                  </a:lnTo>
                  <a:lnTo>
                    <a:pt x="29114" y="50529"/>
                  </a:lnTo>
                  <a:lnTo>
                    <a:pt x="61776" y="23810"/>
                  </a:lnTo>
                  <a:lnTo>
                    <a:pt x="103193" y="6291"/>
                  </a:lnTo>
                  <a:lnTo>
                    <a:pt x="150875" y="0"/>
                  </a:lnTo>
                  <a:lnTo>
                    <a:pt x="198558" y="6291"/>
                  </a:lnTo>
                  <a:lnTo>
                    <a:pt x="239975" y="23810"/>
                  </a:lnTo>
                  <a:lnTo>
                    <a:pt x="272637" y="50529"/>
                  </a:lnTo>
                  <a:lnTo>
                    <a:pt x="294058" y="84417"/>
                  </a:lnTo>
                  <a:lnTo>
                    <a:pt x="301751" y="123444"/>
                  </a:lnTo>
                  <a:lnTo>
                    <a:pt x="294058" y="162460"/>
                  </a:lnTo>
                  <a:lnTo>
                    <a:pt x="272637" y="196347"/>
                  </a:lnTo>
                  <a:lnTo>
                    <a:pt x="239975" y="223069"/>
                  </a:lnTo>
                  <a:lnTo>
                    <a:pt x="198558" y="240594"/>
                  </a:lnTo>
                  <a:lnTo>
                    <a:pt x="150875" y="246888"/>
                  </a:lnTo>
                  <a:lnTo>
                    <a:pt x="103193" y="240594"/>
                  </a:lnTo>
                  <a:lnTo>
                    <a:pt x="61776" y="223069"/>
                  </a:lnTo>
                  <a:lnTo>
                    <a:pt x="29114" y="196347"/>
                  </a:lnTo>
                  <a:lnTo>
                    <a:pt x="7693" y="162460"/>
                  </a:lnTo>
                  <a:lnTo>
                    <a:pt x="0" y="123444"/>
                  </a:lnTo>
                  <a:close/>
                </a:path>
              </a:pathLst>
            </a:custGeom>
            <a:ln w="12192">
              <a:solidFill>
                <a:srgbClr val="000000"/>
              </a:solidFill>
            </a:ln>
          </p:spPr>
          <p:txBody>
            <a:bodyPr wrap="square" lIns="0" tIns="0" rIns="0" bIns="0" rtlCol="0"/>
            <a:lstStyle/>
            <a:p>
              <a:endParaRPr/>
            </a:p>
          </p:txBody>
        </p:sp>
        <p:sp>
          <p:nvSpPr>
            <p:cNvPr id="13" name="object 13"/>
            <p:cNvSpPr/>
            <p:nvPr/>
          </p:nvSpPr>
          <p:spPr>
            <a:xfrm>
              <a:off x="3842004" y="6028943"/>
              <a:ext cx="302260" cy="247015"/>
            </a:xfrm>
            <a:custGeom>
              <a:avLst/>
              <a:gdLst/>
              <a:ahLst/>
              <a:cxnLst/>
              <a:rect l="l" t="t" r="r" b="b"/>
              <a:pathLst>
                <a:path w="302260" h="247014">
                  <a:moveTo>
                    <a:pt x="150875" y="0"/>
                  </a:moveTo>
                  <a:lnTo>
                    <a:pt x="103193" y="6293"/>
                  </a:lnTo>
                  <a:lnTo>
                    <a:pt x="61776" y="23818"/>
                  </a:lnTo>
                  <a:lnTo>
                    <a:pt x="29114" y="50540"/>
                  </a:lnTo>
                  <a:lnTo>
                    <a:pt x="7693" y="84427"/>
                  </a:lnTo>
                  <a:lnTo>
                    <a:pt x="0" y="123443"/>
                  </a:lnTo>
                  <a:lnTo>
                    <a:pt x="7693" y="162460"/>
                  </a:lnTo>
                  <a:lnTo>
                    <a:pt x="29114" y="196347"/>
                  </a:lnTo>
                  <a:lnTo>
                    <a:pt x="61776" y="223069"/>
                  </a:lnTo>
                  <a:lnTo>
                    <a:pt x="103193" y="240594"/>
                  </a:lnTo>
                  <a:lnTo>
                    <a:pt x="150875" y="246887"/>
                  </a:lnTo>
                  <a:lnTo>
                    <a:pt x="198558" y="240594"/>
                  </a:lnTo>
                  <a:lnTo>
                    <a:pt x="239975" y="223069"/>
                  </a:lnTo>
                  <a:lnTo>
                    <a:pt x="272637" y="196347"/>
                  </a:lnTo>
                  <a:lnTo>
                    <a:pt x="294058" y="162460"/>
                  </a:lnTo>
                  <a:lnTo>
                    <a:pt x="301751" y="123443"/>
                  </a:lnTo>
                  <a:lnTo>
                    <a:pt x="294058" y="84427"/>
                  </a:lnTo>
                  <a:lnTo>
                    <a:pt x="272637" y="50540"/>
                  </a:lnTo>
                  <a:lnTo>
                    <a:pt x="239975" y="23818"/>
                  </a:lnTo>
                  <a:lnTo>
                    <a:pt x="198558" y="6293"/>
                  </a:lnTo>
                  <a:lnTo>
                    <a:pt x="150875" y="0"/>
                  </a:lnTo>
                  <a:close/>
                </a:path>
              </a:pathLst>
            </a:custGeom>
            <a:solidFill>
              <a:srgbClr val="FFFFFF"/>
            </a:solidFill>
          </p:spPr>
          <p:txBody>
            <a:bodyPr wrap="square" lIns="0" tIns="0" rIns="0" bIns="0" rtlCol="0"/>
            <a:lstStyle/>
            <a:p>
              <a:endParaRPr/>
            </a:p>
          </p:txBody>
        </p:sp>
        <p:sp>
          <p:nvSpPr>
            <p:cNvPr id="14" name="object 14"/>
            <p:cNvSpPr/>
            <p:nvPr/>
          </p:nvSpPr>
          <p:spPr>
            <a:xfrm>
              <a:off x="3842004" y="6028943"/>
              <a:ext cx="302260" cy="247015"/>
            </a:xfrm>
            <a:custGeom>
              <a:avLst/>
              <a:gdLst/>
              <a:ahLst/>
              <a:cxnLst/>
              <a:rect l="l" t="t" r="r" b="b"/>
              <a:pathLst>
                <a:path w="302260" h="247014">
                  <a:moveTo>
                    <a:pt x="0" y="123443"/>
                  </a:moveTo>
                  <a:lnTo>
                    <a:pt x="7693" y="84427"/>
                  </a:lnTo>
                  <a:lnTo>
                    <a:pt x="29114" y="50540"/>
                  </a:lnTo>
                  <a:lnTo>
                    <a:pt x="61776" y="23818"/>
                  </a:lnTo>
                  <a:lnTo>
                    <a:pt x="103193" y="6293"/>
                  </a:lnTo>
                  <a:lnTo>
                    <a:pt x="150875" y="0"/>
                  </a:lnTo>
                  <a:lnTo>
                    <a:pt x="198558" y="6293"/>
                  </a:lnTo>
                  <a:lnTo>
                    <a:pt x="239975" y="23818"/>
                  </a:lnTo>
                  <a:lnTo>
                    <a:pt x="272637" y="50540"/>
                  </a:lnTo>
                  <a:lnTo>
                    <a:pt x="294058" y="84427"/>
                  </a:lnTo>
                  <a:lnTo>
                    <a:pt x="301751" y="123443"/>
                  </a:lnTo>
                  <a:lnTo>
                    <a:pt x="294058" y="162460"/>
                  </a:lnTo>
                  <a:lnTo>
                    <a:pt x="272637" y="196347"/>
                  </a:lnTo>
                  <a:lnTo>
                    <a:pt x="239975" y="223069"/>
                  </a:lnTo>
                  <a:lnTo>
                    <a:pt x="198558" y="240594"/>
                  </a:lnTo>
                  <a:lnTo>
                    <a:pt x="150875" y="246887"/>
                  </a:lnTo>
                  <a:lnTo>
                    <a:pt x="103193" y="240594"/>
                  </a:lnTo>
                  <a:lnTo>
                    <a:pt x="61776" y="223069"/>
                  </a:lnTo>
                  <a:lnTo>
                    <a:pt x="29114" y="196347"/>
                  </a:lnTo>
                  <a:lnTo>
                    <a:pt x="7693" y="162460"/>
                  </a:lnTo>
                  <a:lnTo>
                    <a:pt x="0" y="123443"/>
                  </a:lnTo>
                  <a:close/>
                </a:path>
              </a:pathLst>
            </a:custGeom>
            <a:ln w="12192">
              <a:solidFill>
                <a:srgbClr val="000000"/>
              </a:solidFill>
            </a:ln>
          </p:spPr>
          <p:txBody>
            <a:bodyPr wrap="square" lIns="0" tIns="0" rIns="0" bIns="0" rtlCol="0"/>
            <a:lstStyle/>
            <a:p>
              <a:endParaRPr/>
            </a:p>
          </p:txBody>
        </p:sp>
        <p:sp>
          <p:nvSpPr>
            <p:cNvPr id="15" name="object 15"/>
            <p:cNvSpPr/>
            <p:nvPr/>
          </p:nvSpPr>
          <p:spPr>
            <a:xfrm>
              <a:off x="1685544" y="5426963"/>
              <a:ext cx="303530" cy="245745"/>
            </a:xfrm>
            <a:custGeom>
              <a:avLst/>
              <a:gdLst/>
              <a:ahLst/>
              <a:cxnLst/>
              <a:rect l="l" t="t" r="r" b="b"/>
              <a:pathLst>
                <a:path w="303530" h="245745">
                  <a:moveTo>
                    <a:pt x="151637" y="0"/>
                  </a:moveTo>
                  <a:lnTo>
                    <a:pt x="103729" y="6248"/>
                  </a:lnTo>
                  <a:lnTo>
                    <a:pt x="62106" y="23652"/>
                  </a:lnTo>
                  <a:lnTo>
                    <a:pt x="29272" y="50200"/>
                  </a:lnTo>
                  <a:lnTo>
                    <a:pt x="7735" y="83880"/>
                  </a:lnTo>
                  <a:lnTo>
                    <a:pt x="0" y="122682"/>
                  </a:lnTo>
                  <a:lnTo>
                    <a:pt x="7735" y="161458"/>
                  </a:lnTo>
                  <a:lnTo>
                    <a:pt x="29272" y="195136"/>
                  </a:lnTo>
                  <a:lnTo>
                    <a:pt x="62106" y="221693"/>
                  </a:lnTo>
                  <a:lnTo>
                    <a:pt x="103729" y="239109"/>
                  </a:lnTo>
                  <a:lnTo>
                    <a:pt x="151637" y="245364"/>
                  </a:lnTo>
                  <a:lnTo>
                    <a:pt x="199546" y="239109"/>
                  </a:lnTo>
                  <a:lnTo>
                    <a:pt x="241169" y="221693"/>
                  </a:lnTo>
                  <a:lnTo>
                    <a:pt x="274003" y="195136"/>
                  </a:lnTo>
                  <a:lnTo>
                    <a:pt x="295540" y="161458"/>
                  </a:lnTo>
                  <a:lnTo>
                    <a:pt x="303275" y="122682"/>
                  </a:lnTo>
                  <a:lnTo>
                    <a:pt x="295540" y="83880"/>
                  </a:lnTo>
                  <a:lnTo>
                    <a:pt x="274003" y="50200"/>
                  </a:lnTo>
                  <a:lnTo>
                    <a:pt x="241169" y="23652"/>
                  </a:lnTo>
                  <a:lnTo>
                    <a:pt x="199546" y="6248"/>
                  </a:lnTo>
                  <a:lnTo>
                    <a:pt x="151637" y="0"/>
                  </a:lnTo>
                  <a:close/>
                </a:path>
              </a:pathLst>
            </a:custGeom>
            <a:solidFill>
              <a:srgbClr val="FFFFFF"/>
            </a:solidFill>
          </p:spPr>
          <p:txBody>
            <a:bodyPr wrap="square" lIns="0" tIns="0" rIns="0" bIns="0" rtlCol="0"/>
            <a:lstStyle/>
            <a:p>
              <a:endParaRPr/>
            </a:p>
          </p:txBody>
        </p:sp>
        <p:sp>
          <p:nvSpPr>
            <p:cNvPr id="16" name="object 16"/>
            <p:cNvSpPr/>
            <p:nvPr/>
          </p:nvSpPr>
          <p:spPr>
            <a:xfrm>
              <a:off x="1685544" y="5426963"/>
              <a:ext cx="303530" cy="245745"/>
            </a:xfrm>
            <a:custGeom>
              <a:avLst/>
              <a:gdLst/>
              <a:ahLst/>
              <a:cxnLst/>
              <a:rect l="l" t="t" r="r" b="b"/>
              <a:pathLst>
                <a:path w="303530" h="245745">
                  <a:moveTo>
                    <a:pt x="0" y="122682"/>
                  </a:moveTo>
                  <a:lnTo>
                    <a:pt x="7735" y="83880"/>
                  </a:lnTo>
                  <a:lnTo>
                    <a:pt x="29272" y="50200"/>
                  </a:lnTo>
                  <a:lnTo>
                    <a:pt x="62106" y="23652"/>
                  </a:lnTo>
                  <a:lnTo>
                    <a:pt x="103729" y="6248"/>
                  </a:lnTo>
                  <a:lnTo>
                    <a:pt x="151637" y="0"/>
                  </a:lnTo>
                  <a:lnTo>
                    <a:pt x="199546" y="6248"/>
                  </a:lnTo>
                  <a:lnTo>
                    <a:pt x="241169" y="23652"/>
                  </a:lnTo>
                  <a:lnTo>
                    <a:pt x="274003" y="50200"/>
                  </a:lnTo>
                  <a:lnTo>
                    <a:pt x="295540" y="83880"/>
                  </a:lnTo>
                  <a:lnTo>
                    <a:pt x="303275" y="122682"/>
                  </a:lnTo>
                  <a:lnTo>
                    <a:pt x="295540" y="161458"/>
                  </a:lnTo>
                  <a:lnTo>
                    <a:pt x="274003" y="195136"/>
                  </a:lnTo>
                  <a:lnTo>
                    <a:pt x="241169" y="221693"/>
                  </a:lnTo>
                  <a:lnTo>
                    <a:pt x="199546" y="239109"/>
                  </a:lnTo>
                  <a:lnTo>
                    <a:pt x="151637" y="245364"/>
                  </a:lnTo>
                  <a:lnTo>
                    <a:pt x="103729" y="239109"/>
                  </a:lnTo>
                  <a:lnTo>
                    <a:pt x="62106" y="221693"/>
                  </a:lnTo>
                  <a:lnTo>
                    <a:pt x="29272" y="195136"/>
                  </a:lnTo>
                  <a:lnTo>
                    <a:pt x="7735" y="161458"/>
                  </a:lnTo>
                  <a:lnTo>
                    <a:pt x="0" y="122682"/>
                  </a:lnTo>
                  <a:close/>
                </a:path>
              </a:pathLst>
            </a:custGeom>
            <a:ln w="12192">
              <a:solidFill>
                <a:srgbClr val="000000"/>
              </a:solidFill>
            </a:ln>
          </p:spPr>
          <p:txBody>
            <a:bodyPr wrap="square" lIns="0" tIns="0" rIns="0" bIns="0" rtlCol="0"/>
            <a:lstStyle/>
            <a:p>
              <a:endParaRPr/>
            </a:p>
          </p:txBody>
        </p:sp>
        <p:sp>
          <p:nvSpPr>
            <p:cNvPr id="17" name="object 17"/>
            <p:cNvSpPr/>
            <p:nvPr/>
          </p:nvSpPr>
          <p:spPr>
            <a:xfrm>
              <a:off x="1685544" y="5148071"/>
              <a:ext cx="303530" cy="245745"/>
            </a:xfrm>
            <a:custGeom>
              <a:avLst/>
              <a:gdLst/>
              <a:ahLst/>
              <a:cxnLst/>
              <a:rect l="l" t="t" r="r" b="b"/>
              <a:pathLst>
                <a:path w="303530" h="245745">
                  <a:moveTo>
                    <a:pt x="151637" y="0"/>
                  </a:moveTo>
                  <a:lnTo>
                    <a:pt x="103729" y="6248"/>
                  </a:lnTo>
                  <a:lnTo>
                    <a:pt x="62106" y="23652"/>
                  </a:lnTo>
                  <a:lnTo>
                    <a:pt x="29272" y="50200"/>
                  </a:lnTo>
                  <a:lnTo>
                    <a:pt x="7735" y="83880"/>
                  </a:lnTo>
                  <a:lnTo>
                    <a:pt x="0" y="122681"/>
                  </a:lnTo>
                  <a:lnTo>
                    <a:pt x="7735" y="161483"/>
                  </a:lnTo>
                  <a:lnTo>
                    <a:pt x="29272" y="195163"/>
                  </a:lnTo>
                  <a:lnTo>
                    <a:pt x="62106" y="221711"/>
                  </a:lnTo>
                  <a:lnTo>
                    <a:pt x="103729" y="239115"/>
                  </a:lnTo>
                  <a:lnTo>
                    <a:pt x="151637" y="245363"/>
                  </a:lnTo>
                  <a:lnTo>
                    <a:pt x="199546" y="239115"/>
                  </a:lnTo>
                  <a:lnTo>
                    <a:pt x="241169" y="221711"/>
                  </a:lnTo>
                  <a:lnTo>
                    <a:pt x="274003" y="195163"/>
                  </a:lnTo>
                  <a:lnTo>
                    <a:pt x="295540" y="161483"/>
                  </a:lnTo>
                  <a:lnTo>
                    <a:pt x="303275" y="122681"/>
                  </a:lnTo>
                  <a:lnTo>
                    <a:pt x="295540" y="83880"/>
                  </a:lnTo>
                  <a:lnTo>
                    <a:pt x="274003" y="50200"/>
                  </a:lnTo>
                  <a:lnTo>
                    <a:pt x="241169" y="23652"/>
                  </a:lnTo>
                  <a:lnTo>
                    <a:pt x="199546" y="6248"/>
                  </a:lnTo>
                  <a:lnTo>
                    <a:pt x="151637" y="0"/>
                  </a:lnTo>
                  <a:close/>
                </a:path>
              </a:pathLst>
            </a:custGeom>
            <a:solidFill>
              <a:srgbClr val="FFFFFF"/>
            </a:solidFill>
          </p:spPr>
          <p:txBody>
            <a:bodyPr wrap="square" lIns="0" tIns="0" rIns="0" bIns="0" rtlCol="0"/>
            <a:lstStyle/>
            <a:p>
              <a:endParaRPr/>
            </a:p>
          </p:txBody>
        </p:sp>
        <p:sp>
          <p:nvSpPr>
            <p:cNvPr id="18" name="object 18"/>
            <p:cNvSpPr/>
            <p:nvPr/>
          </p:nvSpPr>
          <p:spPr>
            <a:xfrm>
              <a:off x="1685544" y="5148071"/>
              <a:ext cx="303530" cy="245745"/>
            </a:xfrm>
            <a:custGeom>
              <a:avLst/>
              <a:gdLst/>
              <a:ahLst/>
              <a:cxnLst/>
              <a:rect l="l" t="t" r="r" b="b"/>
              <a:pathLst>
                <a:path w="303530" h="245745">
                  <a:moveTo>
                    <a:pt x="0" y="122681"/>
                  </a:moveTo>
                  <a:lnTo>
                    <a:pt x="7735" y="83880"/>
                  </a:lnTo>
                  <a:lnTo>
                    <a:pt x="29272" y="50200"/>
                  </a:lnTo>
                  <a:lnTo>
                    <a:pt x="62106" y="23652"/>
                  </a:lnTo>
                  <a:lnTo>
                    <a:pt x="103729" y="6248"/>
                  </a:lnTo>
                  <a:lnTo>
                    <a:pt x="151637" y="0"/>
                  </a:lnTo>
                  <a:lnTo>
                    <a:pt x="199546" y="6248"/>
                  </a:lnTo>
                  <a:lnTo>
                    <a:pt x="241169" y="23652"/>
                  </a:lnTo>
                  <a:lnTo>
                    <a:pt x="274003" y="50200"/>
                  </a:lnTo>
                  <a:lnTo>
                    <a:pt x="295540" y="83880"/>
                  </a:lnTo>
                  <a:lnTo>
                    <a:pt x="303275" y="122681"/>
                  </a:lnTo>
                  <a:lnTo>
                    <a:pt x="295540" y="161483"/>
                  </a:lnTo>
                  <a:lnTo>
                    <a:pt x="274003" y="195163"/>
                  </a:lnTo>
                  <a:lnTo>
                    <a:pt x="241169" y="221711"/>
                  </a:lnTo>
                  <a:lnTo>
                    <a:pt x="199546" y="239115"/>
                  </a:lnTo>
                  <a:lnTo>
                    <a:pt x="151637" y="245363"/>
                  </a:lnTo>
                  <a:lnTo>
                    <a:pt x="103729" y="239115"/>
                  </a:lnTo>
                  <a:lnTo>
                    <a:pt x="62106" y="221711"/>
                  </a:lnTo>
                  <a:lnTo>
                    <a:pt x="29272" y="195163"/>
                  </a:lnTo>
                  <a:lnTo>
                    <a:pt x="7735" y="161483"/>
                  </a:lnTo>
                  <a:lnTo>
                    <a:pt x="0" y="122681"/>
                  </a:lnTo>
                  <a:close/>
                </a:path>
              </a:pathLst>
            </a:custGeom>
            <a:ln w="12192">
              <a:solidFill>
                <a:srgbClr val="000000"/>
              </a:solidFill>
            </a:ln>
          </p:spPr>
          <p:txBody>
            <a:bodyPr wrap="square" lIns="0" tIns="0" rIns="0" bIns="0" rtlCol="0"/>
            <a:lstStyle/>
            <a:p>
              <a:endParaRPr/>
            </a:p>
          </p:txBody>
        </p:sp>
        <p:sp>
          <p:nvSpPr>
            <p:cNvPr id="19" name="object 19"/>
            <p:cNvSpPr/>
            <p:nvPr/>
          </p:nvSpPr>
          <p:spPr>
            <a:xfrm>
              <a:off x="1679448" y="6297167"/>
              <a:ext cx="302260" cy="247015"/>
            </a:xfrm>
            <a:custGeom>
              <a:avLst/>
              <a:gdLst/>
              <a:ahLst/>
              <a:cxnLst/>
              <a:rect l="l" t="t" r="r" b="b"/>
              <a:pathLst>
                <a:path w="302260" h="247015">
                  <a:moveTo>
                    <a:pt x="150875" y="0"/>
                  </a:moveTo>
                  <a:lnTo>
                    <a:pt x="103193" y="6293"/>
                  </a:lnTo>
                  <a:lnTo>
                    <a:pt x="61776" y="23818"/>
                  </a:lnTo>
                  <a:lnTo>
                    <a:pt x="29114" y="50540"/>
                  </a:lnTo>
                  <a:lnTo>
                    <a:pt x="7693" y="84427"/>
                  </a:lnTo>
                  <a:lnTo>
                    <a:pt x="0" y="123443"/>
                  </a:lnTo>
                  <a:lnTo>
                    <a:pt x="7693" y="162460"/>
                  </a:lnTo>
                  <a:lnTo>
                    <a:pt x="29114" y="196347"/>
                  </a:lnTo>
                  <a:lnTo>
                    <a:pt x="61776" y="223069"/>
                  </a:lnTo>
                  <a:lnTo>
                    <a:pt x="103193" y="240594"/>
                  </a:lnTo>
                  <a:lnTo>
                    <a:pt x="150875" y="246887"/>
                  </a:lnTo>
                  <a:lnTo>
                    <a:pt x="198558" y="240594"/>
                  </a:lnTo>
                  <a:lnTo>
                    <a:pt x="239975" y="223069"/>
                  </a:lnTo>
                  <a:lnTo>
                    <a:pt x="272637" y="196347"/>
                  </a:lnTo>
                  <a:lnTo>
                    <a:pt x="294058" y="162460"/>
                  </a:lnTo>
                  <a:lnTo>
                    <a:pt x="301751" y="123443"/>
                  </a:lnTo>
                  <a:lnTo>
                    <a:pt x="294058" y="84427"/>
                  </a:lnTo>
                  <a:lnTo>
                    <a:pt x="272637" y="50540"/>
                  </a:lnTo>
                  <a:lnTo>
                    <a:pt x="239975" y="23818"/>
                  </a:lnTo>
                  <a:lnTo>
                    <a:pt x="198558" y="6293"/>
                  </a:lnTo>
                  <a:lnTo>
                    <a:pt x="150875" y="0"/>
                  </a:lnTo>
                  <a:close/>
                </a:path>
              </a:pathLst>
            </a:custGeom>
            <a:solidFill>
              <a:srgbClr val="FFFFFF"/>
            </a:solidFill>
          </p:spPr>
          <p:txBody>
            <a:bodyPr wrap="square" lIns="0" tIns="0" rIns="0" bIns="0" rtlCol="0"/>
            <a:lstStyle/>
            <a:p>
              <a:endParaRPr/>
            </a:p>
          </p:txBody>
        </p:sp>
        <p:sp>
          <p:nvSpPr>
            <p:cNvPr id="20" name="object 20"/>
            <p:cNvSpPr/>
            <p:nvPr/>
          </p:nvSpPr>
          <p:spPr>
            <a:xfrm>
              <a:off x="1679448" y="6297167"/>
              <a:ext cx="302260" cy="247015"/>
            </a:xfrm>
            <a:custGeom>
              <a:avLst/>
              <a:gdLst/>
              <a:ahLst/>
              <a:cxnLst/>
              <a:rect l="l" t="t" r="r" b="b"/>
              <a:pathLst>
                <a:path w="302260" h="247015">
                  <a:moveTo>
                    <a:pt x="0" y="123443"/>
                  </a:moveTo>
                  <a:lnTo>
                    <a:pt x="7693" y="84427"/>
                  </a:lnTo>
                  <a:lnTo>
                    <a:pt x="29114" y="50540"/>
                  </a:lnTo>
                  <a:lnTo>
                    <a:pt x="61776" y="23818"/>
                  </a:lnTo>
                  <a:lnTo>
                    <a:pt x="103193" y="6293"/>
                  </a:lnTo>
                  <a:lnTo>
                    <a:pt x="150875" y="0"/>
                  </a:lnTo>
                  <a:lnTo>
                    <a:pt x="198558" y="6293"/>
                  </a:lnTo>
                  <a:lnTo>
                    <a:pt x="239975" y="23818"/>
                  </a:lnTo>
                  <a:lnTo>
                    <a:pt x="272637" y="50540"/>
                  </a:lnTo>
                  <a:lnTo>
                    <a:pt x="294058" y="84427"/>
                  </a:lnTo>
                  <a:lnTo>
                    <a:pt x="301751" y="123443"/>
                  </a:lnTo>
                  <a:lnTo>
                    <a:pt x="294058" y="162460"/>
                  </a:lnTo>
                  <a:lnTo>
                    <a:pt x="272637" y="196347"/>
                  </a:lnTo>
                  <a:lnTo>
                    <a:pt x="239975" y="223069"/>
                  </a:lnTo>
                  <a:lnTo>
                    <a:pt x="198558" y="240594"/>
                  </a:lnTo>
                  <a:lnTo>
                    <a:pt x="150875" y="246887"/>
                  </a:lnTo>
                  <a:lnTo>
                    <a:pt x="103193" y="240594"/>
                  </a:lnTo>
                  <a:lnTo>
                    <a:pt x="61776" y="223069"/>
                  </a:lnTo>
                  <a:lnTo>
                    <a:pt x="29114" y="196347"/>
                  </a:lnTo>
                  <a:lnTo>
                    <a:pt x="7693" y="162460"/>
                  </a:lnTo>
                  <a:lnTo>
                    <a:pt x="0" y="123443"/>
                  </a:lnTo>
                  <a:close/>
                </a:path>
              </a:pathLst>
            </a:custGeom>
            <a:ln w="12192">
              <a:solidFill>
                <a:srgbClr val="000000"/>
              </a:solidFill>
            </a:ln>
          </p:spPr>
          <p:txBody>
            <a:bodyPr wrap="square" lIns="0" tIns="0" rIns="0" bIns="0" rtlCol="0"/>
            <a:lstStyle/>
            <a:p>
              <a:endParaRPr/>
            </a:p>
          </p:txBody>
        </p:sp>
      </p:grpSp>
      <p:sp>
        <p:nvSpPr>
          <p:cNvPr id="21" name="object 21"/>
          <p:cNvSpPr txBox="1"/>
          <p:nvPr/>
        </p:nvSpPr>
        <p:spPr>
          <a:xfrm>
            <a:off x="3291332" y="5766612"/>
            <a:ext cx="177800" cy="579120"/>
          </a:xfrm>
          <a:prstGeom prst="rect">
            <a:avLst/>
          </a:prstGeom>
        </p:spPr>
        <p:txBody>
          <a:bodyPr vert="horz" wrap="square" lIns="0" tIns="12700" rIns="0" bIns="0" rtlCol="0">
            <a:spAutoFit/>
          </a:bodyPr>
          <a:lstStyle/>
          <a:p>
            <a:pPr marL="12700">
              <a:spcBef>
                <a:spcPts val="100"/>
              </a:spcBef>
            </a:pPr>
            <a:r>
              <a:rPr sz="1200" spc="509" dirty="0">
                <a:latin typeface="メイリオ"/>
                <a:cs typeface="メイリオ"/>
              </a:rPr>
              <a:t>•</a:t>
            </a:r>
            <a:endParaRPr sz="1200" dirty="0">
              <a:latin typeface="メイリオ"/>
              <a:cs typeface="メイリオ"/>
            </a:endParaRPr>
          </a:p>
          <a:p>
            <a:pPr marL="12700"/>
            <a:r>
              <a:rPr sz="1200" spc="509" dirty="0">
                <a:latin typeface="メイリオ"/>
                <a:cs typeface="メイリオ"/>
              </a:rPr>
              <a:t>•</a:t>
            </a:r>
            <a:endParaRPr sz="1200" dirty="0">
              <a:latin typeface="メイリオ"/>
              <a:cs typeface="メイリオ"/>
            </a:endParaRPr>
          </a:p>
          <a:p>
            <a:pPr marL="12700">
              <a:spcBef>
                <a:spcPts val="35"/>
              </a:spcBef>
            </a:pPr>
            <a:r>
              <a:rPr sz="1200" spc="509" dirty="0">
                <a:latin typeface="メイリオ"/>
                <a:cs typeface="メイリオ"/>
              </a:rPr>
              <a:t>•</a:t>
            </a:r>
            <a:endParaRPr sz="1200" dirty="0">
              <a:latin typeface="メイリオ"/>
              <a:cs typeface="メイリオ"/>
            </a:endParaRPr>
          </a:p>
        </p:txBody>
      </p:sp>
      <p:grpSp>
        <p:nvGrpSpPr>
          <p:cNvPr id="22" name="object 22"/>
          <p:cNvGrpSpPr/>
          <p:nvPr/>
        </p:nvGrpSpPr>
        <p:grpSpPr>
          <a:xfrm>
            <a:off x="2076958" y="5152391"/>
            <a:ext cx="2395220" cy="1409065"/>
            <a:chOff x="552958" y="5152390"/>
            <a:chExt cx="2395220" cy="1409065"/>
          </a:xfrm>
        </p:grpSpPr>
        <p:sp>
          <p:nvSpPr>
            <p:cNvPr id="23" name="object 23"/>
            <p:cNvSpPr/>
            <p:nvPr/>
          </p:nvSpPr>
          <p:spPr>
            <a:xfrm>
              <a:off x="559308" y="5269992"/>
              <a:ext cx="302260" cy="245745"/>
            </a:xfrm>
            <a:custGeom>
              <a:avLst/>
              <a:gdLst/>
              <a:ahLst/>
              <a:cxnLst/>
              <a:rect l="l" t="t" r="r" b="b"/>
              <a:pathLst>
                <a:path w="302259" h="245745">
                  <a:moveTo>
                    <a:pt x="150876" y="0"/>
                  </a:moveTo>
                  <a:lnTo>
                    <a:pt x="103188" y="6248"/>
                  </a:lnTo>
                  <a:lnTo>
                    <a:pt x="61771" y="23652"/>
                  </a:lnTo>
                  <a:lnTo>
                    <a:pt x="29110" y="50200"/>
                  </a:lnTo>
                  <a:lnTo>
                    <a:pt x="7691" y="83880"/>
                  </a:lnTo>
                  <a:lnTo>
                    <a:pt x="0" y="122682"/>
                  </a:lnTo>
                  <a:lnTo>
                    <a:pt x="7691" y="161483"/>
                  </a:lnTo>
                  <a:lnTo>
                    <a:pt x="29110" y="195163"/>
                  </a:lnTo>
                  <a:lnTo>
                    <a:pt x="61771" y="221711"/>
                  </a:lnTo>
                  <a:lnTo>
                    <a:pt x="103188" y="239115"/>
                  </a:lnTo>
                  <a:lnTo>
                    <a:pt x="150876" y="245364"/>
                  </a:lnTo>
                  <a:lnTo>
                    <a:pt x="198563" y="239115"/>
                  </a:lnTo>
                  <a:lnTo>
                    <a:pt x="239980" y="221711"/>
                  </a:lnTo>
                  <a:lnTo>
                    <a:pt x="272641" y="195163"/>
                  </a:lnTo>
                  <a:lnTo>
                    <a:pt x="294060" y="161483"/>
                  </a:lnTo>
                  <a:lnTo>
                    <a:pt x="301752" y="122682"/>
                  </a:lnTo>
                  <a:lnTo>
                    <a:pt x="294060" y="83880"/>
                  </a:lnTo>
                  <a:lnTo>
                    <a:pt x="272641" y="50200"/>
                  </a:lnTo>
                  <a:lnTo>
                    <a:pt x="239980" y="23652"/>
                  </a:lnTo>
                  <a:lnTo>
                    <a:pt x="198563" y="6248"/>
                  </a:lnTo>
                  <a:lnTo>
                    <a:pt x="150876" y="0"/>
                  </a:lnTo>
                  <a:close/>
                </a:path>
              </a:pathLst>
            </a:custGeom>
            <a:solidFill>
              <a:srgbClr val="FFFFFF"/>
            </a:solidFill>
          </p:spPr>
          <p:txBody>
            <a:bodyPr wrap="square" lIns="0" tIns="0" rIns="0" bIns="0" rtlCol="0"/>
            <a:lstStyle/>
            <a:p>
              <a:endParaRPr/>
            </a:p>
          </p:txBody>
        </p:sp>
        <p:sp>
          <p:nvSpPr>
            <p:cNvPr id="24" name="object 24"/>
            <p:cNvSpPr/>
            <p:nvPr/>
          </p:nvSpPr>
          <p:spPr>
            <a:xfrm>
              <a:off x="559308" y="5269992"/>
              <a:ext cx="302260" cy="245745"/>
            </a:xfrm>
            <a:custGeom>
              <a:avLst/>
              <a:gdLst/>
              <a:ahLst/>
              <a:cxnLst/>
              <a:rect l="l" t="t" r="r" b="b"/>
              <a:pathLst>
                <a:path w="302259" h="245745">
                  <a:moveTo>
                    <a:pt x="0" y="122682"/>
                  </a:moveTo>
                  <a:lnTo>
                    <a:pt x="7691" y="83880"/>
                  </a:lnTo>
                  <a:lnTo>
                    <a:pt x="29110" y="50200"/>
                  </a:lnTo>
                  <a:lnTo>
                    <a:pt x="61771" y="23652"/>
                  </a:lnTo>
                  <a:lnTo>
                    <a:pt x="103188" y="6248"/>
                  </a:lnTo>
                  <a:lnTo>
                    <a:pt x="150876" y="0"/>
                  </a:lnTo>
                  <a:lnTo>
                    <a:pt x="198563" y="6248"/>
                  </a:lnTo>
                  <a:lnTo>
                    <a:pt x="239980" y="23652"/>
                  </a:lnTo>
                  <a:lnTo>
                    <a:pt x="272641" y="50200"/>
                  </a:lnTo>
                  <a:lnTo>
                    <a:pt x="294060" y="83880"/>
                  </a:lnTo>
                  <a:lnTo>
                    <a:pt x="301752" y="122682"/>
                  </a:lnTo>
                  <a:lnTo>
                    <a:pt x="294060" y="161483"/>
                  </a:lnTo>
                  <a:lnTo>
                    <a:pt x="272641" y="195163"/>
                  </a:lnTo>
                  <a:lnTo>
                    <a:pt x="239980" y="221711"/>
                  </a:lnTo>
                  <a:lnTo>
                    <a:pt x="198563" y="239115"/>
                  </a:lnTo>
                  <a:lnTo>
                    <a:pt x="150876" y="245364"/>
                  </a:lnTo>
                  <a:lnTo>
                    <a:pt x="103188" y="239115"/>
                  </a:lnTo>
                  <a:lnTo>
                    <a:pt x="61771" y="221711"/>
                  </a:lnTo>
                  <a:lnTo>
                    <a:pt x="29110" y="195163"/>
                  </a:lnTo>
                  <a:lnTo>
                    <a:pt x="7691" y="161483"/>
                  </a:lnTo>
                  <a:lnTo>
                    <a:pt x="0" y="122682"/>
                  </a:lnTo>
                  <a:close/>
                </a:path>
              </a:pathLst>
            </a:custGeom>
            <a:ln w="12192">
              <a:solidFill>
                <a:srgbClr val="000000"/>
              </a:solidFill>
            </a:ln>
          </p:spPr>
          <p:txBody>
            <a:bodyPr wrap="square" lIns="0" tIns="0" rIns="0" bIns="0" rtlCol="0"/>
            <a:lstStyle/>
            <a:p>
              <a:endParaRPr/>
            </a:p>
          </p:txBody>
        </p:sp>
        <p:sp>
          <p:nvSpPr>
            <p:cNvPr id="25" name="object 25"/>
            <p:cNvSpPr/>
            <p:nvPr/>
          </p:nvSpPr>
          <p:spPr>
            <a:xfrm>
              <a:off x="559308" y="5564124"/>
              <a:ext cx="302260" cy="245745"/>
            </a:xfrm>
            <a:custGeom>
              <a:avLst/>
              <a:gdLst/>
              <a:ahLst/>
              <a:cxnLst/>
              <a:rect l="l" t="t" r="r" b="b"/>
              <a:pathLst>
                <a:path w="302259" h="245745">
                  <a:moveTo>
                    <a:pt x="150876" y="0"/>
                  </a:moveTo>
                  <a:lnTo>
                    <a:pt x="103188" y="6254"/>
                  </a:lnTo>
                  <a:lnTo>
                    <a:pt x="61771" y="23670"/>
                  </a:lnTo>
                  <a:lnTo>
                    <a:pt x="29110" y="50227"/>
                  </a:lnTo>
                  <a:lnTo>
                    <a:pt x="7691" y="83905"/>
                  </a:lnTo>
                  <a:lnTo>
                    <a:pt x="0" y="122681"/>
                  </a:lnTo>
                  <a:lnTo>
                    <a:pt x="7691" y="161458"/>
                  </a:lnTo>
                  <a:lnTo>
                    <a:pt x="29110" y="195136"/>
                  </a:lnTo>
                  <a:lnTo>
                    <a:pt x="61771" y="221693"/>
                  </a:lnTo>
                  <a:lnTo>
                    <a:pt x="103188" y="239109"/>
                  </a:lnTo>
                  <a:lnTo>
                    <a:pt x="150876" y="245363"/>
                  </a:lnTo>
                  <a:lnTo>
                    <a:pt x="198563" y="239109"/>
                  </a:lnTo>
                  <a:lnTo>
                    <a:pt x="239980" y="221693"/>
                  </a:lnTo>
                  <a:lnTo>
                    <a:pt x="272641" y="195136"/>
                  </a:lnTo>
                  <a:lnTo>
                    <a:pt x="294060" y="161458"/>
                  </a:lnTo>
                  <a:lnTo>
                    <a:pt x="301752" y="122681"/>
                  </a:lnTo>
                  <a:lnTo>
                    <a:pt x="294060" y="83905"/>
                  </a:lnTo>
                  <a:lnTo>
                    <a:pt x="272641" y="50227"/>
                  </a:lnTo>
                  <a:lnTo>
                    <a:pt x="239980" y="23670"/>
                  </a:lnTo>
                  <a:lnTo>
                    <a:pt x="198563" y="6254"/>
                  </a:lnTo>
                  <a:lnTo>
                    <a:pt x="150876" y="0"/>
                  </a:lnTo>
                  <a:close/>
                </a:path>
              </a:pathLst>
            </a:custGeom>
            <a:solidFill>
              <a:srgbClr val="FFFFFF"/>
            </a:solidFill>
          </p:spPr>
          <p:txBody>
            <a:bodyPr wrap="square" lIns="0" tIns="0" rIns="0" bIns="0" rtlCol="0"/>
            <a:lstStyle/>
            <a:p>
              <a:endParaRPr/>
            </a:p>
          </p:txBody>
        </p:sp>
        <p:sp>
          <p:nvSpPr>
            <p:cNvPr id="26" name="object 26"/>
            <p:cNvSpPr/>
            <p:nvPr/>
          </p:nvSpPr>
          <p:spPr>
            <a:xfrm>
              <a:off x="559308" y="5564124"/>
              <a:ext cx="302260" cy="245745"/>
            </a:xfrm>
            <a:custGeom>
              <a:avLst/>
              <a:gdLst/>
              <a:ahLst/>
              <a:cxnLst/>
              <a:rect l="l" t="t" r="r" b="b"/>
              <a:pathLst>
                <a:path w="302259" h="245745">
                  <a:moveTo>
                    <a:pt x="0" y="122681"/>
                  </a:moveTo>
                  <a:lnTo>
                    <a:pt x="7691" y="83905"/>
                  </a:lnTo>
                  <a:lnTo>
                    <a:pt x="29110" y="50227"/>
                  </a:lnTo>
                  <a:lnTo>
                    <a:pt x="61771" y="23670"/>
                  </a:lnTo>
                  <a:lnTo>
                    <a:pt x="103188" y="6254"/>
                  </a:lnTo>
                  <a:lnTo>
                    <a:pt x="150876" y="0"/>
                  </a:lnTo>
                  <a:lnTo>
                    <a:pt x="198563" y="6254"/>
                  </a:lnTo>
                  <a:lnTo>
                    <a:pt x="239980" y="23670"/>
                  </a:lnTo>
                  <a:lnTo>
                    <a:pt x="272641" y="50227"/>
                  </a:lnTo>
                  <a:lnTo>
                    <a:pt x="294060" y="83905"/>
                  </a:lnTo>
                  <a:lnTo>
                    <a:pt x="301752" y="122681"/>
                  </a:lnTo>
                  <a:lnTo>
                    <a:pt x="294060" y="161458"/>
                  </a:lnTo>
                  <a:lnTo>
                    <a:pt x="272641" y="195136"/>
                  </a:lnTo>
                  <a:lnTo>
                    <a:pt x="239980" y="221693"/>
                  </a:lnTo>
                  <a:lnTo>
                    <a:pt x="198563" y="239109"/>
                  </a:lnTo>
                  <a:lnTo>
                    <a:pt x="150876" y="245363"/>
                  </a:lnTo>
                  <a:lnTo>
                    <a:pt x="103188" y="239109"/>
                  </a:lnTo>
                  <a:lnTo>
                    <a:pt x="61771" y="221693"/>
                  </a:lnTo>
                  <a:lnTo>
                    <a:pt x="29110" y="195136"/>
                  </a:lnTo>
                  <a:lnTo>
                    <a:pt x="7691" y="161458"/>
                  </a:lnTo>
                  <a:lnTo>
                    <a:pt x="0" y="122681"/>
                  </a:lnTo>
                  <a:close/>
                </a:path>
              </a:pathLst>
            </a:custGeom>
            <a:ln w="12192">
              <a:solidFill>
                <a:srgbClr val="000000"/>
              </a:solidFill>
            </a:ln>
          </p:spPr>
          <p:txBody>
            <a:bodyPr wrap="square" lIns="0" tIns="0" rIns="0" bIns="0" rtlCol="0"/>
            <a:lstStyle/>
            <a:p>
              <a:endParaRPr/>
            </a:p>
          </p:txBody>
        </p:sp>
        <p:sp>
          <p:nvSpPr>
            <p:cNvPr id="27" name="object 27"/>
            <p:cNvSpPr/>
            <p:nvPr/>
          </p:nvSpPr>
          <p:spPr>
            <a:xfrm>
              <a:off x="559308" y="6150864"/>
              <a:ext cx="302260" cy="247015"/>
            </a:xfrm>
            <a:custGeom>
              <a:avLst/>
              <a:gdLst/>
              <a:ahLst/>
              <a:cxnLst/>
              <a:rect l="l" t="t" r="r" b="b"/>
              <a:pathLst>
                <a:path w="302259" h="247014">
                  <a:moveTo>
                    <a:pt x="150876" y="0"/>
                  </a:moveTo>
                  <a:lnTo>
                    <a:pt x="103188" y="6293"/>
                  </a:lnTo>
                  <a:lnTo>
                    <a:pt x="61771" y="23818"/>
                  </a:lnTo>
                  <a:lnTo>
                    <a:pt x="29110" y="50540"/>
                  </a:lnTo>
                  <a:lnTo>
                    <a:pt x="7691" y="84427"/>
                  </a:lnTo>
                  <a:lnTo>
                    <a:pt x="0" y="123444"/>
                  </a:lnTo>
                  <a:lnTo>
                    <a:pt x="7691" y="162460"/>
                  </a:lnTo>
                  <a:lnTo>
                    <a:pt x="29110" y="196347"/>
                  </a:lnTo>
                  <a:lnTo>
                    <a:pt x="61771" y="223069"/>
                  </a:lnTo>
                  <a:lnTo>
                    <a:pt x="103188" y="240594"/>
                  </a:lnTo>
                  <a:lnTo>
                    <a:pt x="150876" y="246888"/>
                  </a:lnTo>
                  <a:lnTo>
                    <a:pt x="198563" y="240594"/>
                  </a:lnTo>
                  <a:lnTo>
                    <a:pt x="239980" y="223069"/>
                  </a:lnTo>
                  <a:lnTo>
                    <a:pt x="272641" y="196347"/>
                  </a:lnTo>
                  <a:lnTo>
                    <a:pt x="294060" y="162460"/>
                  </a:lnTo>
                  <a:lnTo>
                    <a:pt x="301752" y="123444"/>
                  </a:lnTo>
                  <a:lnTo>
                    <a:pt x="294060" y="84427"/>
                  </a:lnTo>
                  <a:lnTo>
                    <a:pt x="272641" y="50540"/>
                  </a:lnTo>
                  <a:lnTo>
                    <a:pt x="239980" y="23818"/>
                  </a:lnTo>
                  <a:lnTo>
                    <a:pt x="198563" y="6293"/>
                  </a:lnTo>
                  <a:lnTo>
                    <a:pt x="150876" y="0"/>
                  </a:lnTo>
                  <a:close/>
                </a:path>
              </a:pathLst>
            </a:custGeom>
            <a:solidFill>
              <a:srgbClr val="FFFFFF"/>
            </a:solidFill>
          </p:spPr>
          <p:txBody>
            <a:bodyPr wrap="square" lIns="0" tIns="0" rIns="0" bIns="0" rtlCol="0"/>
            <a:lstStyle/>
            <a:p>
              <a:endParaRPr/>
            </a:p>
          </p:txBody>
        </p:sp>
        <p:sp>
          <p:nvSpPr>
            <p:cNvPr id="28" name="object 28"/>
            <p:cNvSpPr/>
            <p:nvPr/>
          </p:nvSpPr>
          <p:spPr>
            <a:xfrm>
              <a:off x="559308" y="6150864"/>
              <a:ext cx="302260" cy="247015"/>
            </a:xfrm>
            <a:custGeom>
              <a:avLst/>
              <a:gdLst/>
              <a:ahLst/>
              <a:cxnLst/>
              <a:rect l="l" t="t" r="r" b="b"/>
              <a:pathLst>
                <a:path w="302259" h="247014">
                  <a:moveTo>
                    <a:pt x="0" y="123444"/>
                  </a:moveTo>
                  <a:lnTo>
                    <a:pt x="7691" y="84427"/>
                  </a:lnTo>
                  <a:lnTo>
                    <a:pt x="29110" y="50540"/>
                  </a:lnTo>
                  <a:lnTo>
                    <a:pt x="61771" y="23818"/>
                  </a:lnTo>
                  <a:lnTo>
                    <a:pt x="103188" y="6293"/>
                  </a:lnTo>
                  <a:lnTo>
                    <a:pt x="150876" y="0"/>
                  </a:lnTo>
                  <a:lnTo>
                    <a:pt x="198563" y="6293"/>
                  </a:lnTo>
                  <a:lnTo>
                    <a:pt x="239980" y="23818"/>
                  </a:lnTo>
                  <a:lnTo>
                    <a:pt x="272641" y="50540"/>
                  </a:lnTo>
                  <a:lnTo>
                    <a:pt x="294060" y="84427"/>
                  </a:lnTo>
                  <a:lnTo>
                    <a:pt x="301752" y="123444"/>
                  </a:lnTo>
                  <a:lnTo>
                    <a:pt x="294060" y="162460"/>
                  </a:lnTo>
                  <a:lnTo>
                    <a:pt x="272641" y="196347"/>
                  </a:lnTo>
                  <a:lnTo>
                    <a:pt x="239980" y="223069"/>
                  </a:lnTo>
                  <a:lnTo>
                    <a:pt x="198563" y="240594"/>
                  </a:lnTo>
                  <a:lnTo>
                    <a:pt x="150876" y="246888"/>
                  </a:lnTo>
                  <a:lnTo>
                    <a:pt x="103188" y="240594"/>
                  </a:lnTo>
                  <a:lnTo>
                    <a:pt x="61771" y="223069"/>
                  </a:lnTo>
                  <a:lnTo>
                    <a:pt x="29110" y="196347"/>
                  </a:lnTo>
                  <a:lnTo>
                    <a:pt x="7691" y="162460"/>
                  </a:lnTo>
                  <a:lnTo>
                    <a:pt x="0" y="123444"/>
                  </a:lnTo>
                  <a:close/>
                </a:path>
              </a:pathLst>
            </a:custGeom>
            <a:ln w="12192">
              <a:solidFill>
                <a:srgbClr val="000000"/>
              </a:solidFill>
            </a:ln>
          </p:spPr>
          <p:txBody>
            <a:bodyPr wrap="square" lIns="0" tIns="0" rIns="0" bIns="0" rtlCol="0"/>
            <a:lstStyle/>
            <a:p>
              <a:endParaRPr/>
            </a:p>
          </p:txBody>
        </p:sp>
        <p:sp>
          <p:nvSpPr>
            <p:cNvPr id="29" name="object 29"/>
            <p:cNvSpPr/>
            <p:nvPr/>
          </p:nvSpPr>
          <p:spPr>
            <a:xfrm>
              <a:off x="559308" y="5859780"/>
              <a:ext cx="302260" cy="245745"/>
            </a:xfrm>
            <a:custGeom>
              <a:avLst/>
              <a:gdLst/>
              <a:ahLst/>
              <a:cxnLst/>
              <a:rect l="l" t="t" r="r" b="b"/>
              <a:pathLst>
                <a:path w="302259" h="245745">
                  <a:moveTo>
                    <a:pt x="150876" y="0"/>
                  </a:moveTo>
                  <a:lnTo>
                    <a:pt x="103188" y="6254"/>
                  </a:lnTo>
                  <a:lnTo>
                    <a:pt x="61771" y="23670"/>
                  </a:lnTo>
                  <a:lnTo>
                    <a:pt x="29110" y="50227"/>
                  </a:lnTo>
                  <a:lnTo>
                    <a:pt x="7691" y="83905"/>
                  </a:lnTo>
                  <a:lnTo>
                    <a:pt x="0" y="122682"/>
                  </a:lnTo>
                  <a:lnTo>
                    <a:pt x="7691" y="161458"/>
                  </a:lnTo>
                  <a:lnTo>
                    <a:pt x="29110" y="195136"/>
                  </a:lnTo>
                  <a:lnTo>
                    <a:pt x="61771" y="221693"/>
                  </a:lnTo>
                  <a:lnTo>
                    <a:pt x="103188" y="239109"/>
                  </a:lnTo>
                  <a:lnTo>
                    <a:pt x="150876" y="245364"/>
                  </a:lnTo>
                  <a:lnTo>
                    <a:pt x="198563" y="239109"/>
                  </a:lnTo>
                  <a:lnTo>
                    <a:pt x="239980" y="221693"/>
                  </a:lnTo>
                  <a:lnTo>
                    <a:pt x="272641" y="195136"/>
                  </a:lnTo>
                  <a:lnTo>
                    <a:pt x="294060" y="161458"/>
                  </a:lnTo>
                  <a:lnTo>
                    <a:pt x="301752" y="122682"/>
                  </a:lnTo>
                  <a:lnTo>
                    <a:pt x="294060" y="83905"/>
                  </a:lnTo>
                  <a:lnTo>
                    <a:pt x="272641" y="50227"/>
                  </a:lnTo>
                  <a:lnTo>
                    <a:pt x="239980" y="23670"/>
                  </a:lnTo>
                  <a:lnTo>
                    <a:pt x="198563" y="6254"/>
                  </a:lnTo>
                  <a:lnTo>
                    <a:pt x="150876" y="0"/>
                  </a:lnTo>
                  <a:close/>
                </a:path>
              </a:pathLst>
            </a:custGeom>
            <a:solidFill>
              <a:srgbClr val="FFFFFF"/>
            </a:solidFill>
          </p:spPr>
          <p:txBody>
            <a:bodyPr wrap="square" lIns="0" tIns="0" rIns="0" bIns="0" rtlCol="0"/>
            <a:lstStyle/>
            <a:p>
              <a:endParaRPr/>
            </a:p>
          </p:txBody>
        </p:sp>
        <p:sp>
          <p:nvSpPr>
            <p:cNvPr id="30" name="object 30"/>
            <p:cNvSpPr/>
            <p:nvPr/>
          </p:nvSpPr>
          <p:spPr>
            <a:xfrm>
              <a:off x="559308" y="5859780"/>
              <a:ext cx="302260" cy="245745"/>
            </a:xfrm>
            <a:custGeom>
              <a:avLst/>
              <a:gdLst/>
              <a:ahLst/>
              <a:cxnLst/>
              <a:rect l="l" t="t" r="r" b="b"/>
              <a:pathLst>
                <a:path w="302259" h="245745">
                  <a:moveTo>
                    <a:pt x="0" y="122682"/>
                  </a:moveTo>
                  <a:lnTo>
                    <a:pt x="7691" y="83905"/>
                  </a:lnTo>
                  <a:lnTo>
                    <a:pt x="29110" y="50227"/>
                  </a:lnTo>
                  <a:lnTo>
                    <a:pt x="61771" y="23670"/>
                  </a:lnTo>
                  <a:lnTo>
                    <a:pt x="103188" y="6254"/>
                  </a:lnTo>
                  <a:lnTo>
                    <a:pt x="150876" y="0"/>
                  </a:lnTo>
                  <a:lnTo>
                    <a:pt x="198563" y="6254"/>
                  </a:lnTo>
                  <a:lnTo>
                    <a:pt x="239980" y="23670"/>
                  </a:lnTo>
                  <a:lnTo>
                    <a:pt x="272641" y="50227"/>
                  </a:lnTo>
                  <a:lnTo>
                    <a:pt x="294060" y="83905"/>
                  </a:lnTo>
                  <a:lnTo>
                    <a:pt x="301752" y="122682"/>
                  </a:lnTo>
                  <a:lnTo>
                    <a:pt x="294060" y="161458"/>
                  </a:lnTo>
                  <a:lnTo>
                    <a:pt x="272641" y="195136"/>
                  </a:lnTo>
                  <a:lnTo>
                    <a:pt x="239980" y="221693"/>
                  </a:lnTo>
                  <a:lnTo>
                    <a:pt x="198563" y="239109"/>
                  </a:lnTo>
                  <a:lnTo>
                    <a:pt x="150876" y="245364"/>
                  </a:lnTo>
                  <a:lnTo>
                    <a:pt x="103188" y="239109"/>
                  </a:lnTo>
                  <a:lnTo>
                    <a:pt x="61771" y="221693"/>
                  </a:lnTo>
                  <a:lnTo>
                    <a:pt x="29110" y="195136"/>
                  </a:lnTo>
                  <a:lnTo>
                    <a:pt x="7691" y="161458"/>
                  </a:lnTo>
                  <a:lnTo>
                    <a:pt x="0" y="122682"/>
                  </a:lnTo>
                  <a:close/>
                </a:path>
              </a:pathLst>
            </a:custGeom>
            <a:ln w="12192">
              <a:solidFill>
                <a:srgbClr val="000000"/>
              </a:solidFill>
            </a:ln>
          </p:spPr>
          <p:txBody>
            <a:bodyPr wrap="square" lIns="0" tIns="0" rIns="0" bIns="0" rtlCol="0"/>
            <a:lstStyle/>
            <a:p>
              <a:endParaRPr/>
            </a:p>
          </p:txBody>
        </p:sp>
        <p:sp>
          <p:nvSpPr>
            <p:cNvPr id="31" name="object 31"/>
            <p:cNvSpPr/>
            <p:nvPr/>
          </p:nvSpPr>
          <p:spPr>
            <a:xfrm>
              <a:off x="2639568" y="5437632"/>
              <a:ext cx="302260" cy="247015"/>
            </a:xfrm>
            <a:custGeom>
              <a:avLst/>
              <a:gdLst/>
              <a:ahLst/>
              <a:cxnLst/>
              <a:rect l="l" t="t" r="r" b="b"/>
              <a:pathLst>
                <a:path w="302260" h="247014">
                  <a:moveTo>
                    <a:pt x="150875" y="0"/>
                  </a:moveTo>
                  <a:lnTo>
                    <a:pt x="103193" y="6291"/>
                  </a:lnTo>
                  <a:lnTo>
                    <a:pt x="61776" y="23810"/>
                  </a:lnTo>
                  <a:lnTo>
                    <a:pt x="29114" y="50529"/>
                  </a:lnTo>
                  <a:lnTo>
                    <a:pt x="7693" y="84417"/>
                  </a:lnTo>
                  <a:lnTo>
                    <a:pt x="0" y="123444"/>
                  </a:lnTo>
                  <a:lnTo>
                    <a:pt x="7693" y="162460"/>
                  </a:lnTo>
                  <a:lnTo>
                    <a:pt x="29114" y="196347"/>
                  </a:lnTo>
                  <a:lnTo>
                    <a:pt x="61776" y="223069"/>
                  </a:lnTo>
                  <a:lnTo>
                    <a:pt x="103193" y="240594"/>
                  </a:lnTo>
                  <a:lnTo>
                    <a:pt x="150875" y="246888"/>
                  </a:lnTo>
                  <a:lnTo>
                    <a:pt x="198558" y="240594"/>
                  </a:lnTo>
                  <a:lnTo>
                    <a:pt x="239975" y="223069"/>
                  </a:lnTo>
                  <a:lnTo>
                    <a:pt x="272637" y="196347"/>
                  </a:lnTo>
                  <a:lnTo>
                    <a:pt x="294058" y="162460"/>
                  </a:lnTo>
                  <a:lnTo>
                    <a:pt x="301751" y="123444"/>
                  </a:lnTo>
                  <a:lnTo>
                    <a:pt x="294058" y="84417"/>
                  </a:lnTo>
                  <a:lnTo>
                    <a:pt x="272637" y="50529"/>
                  </a:lnTo>
                  <a:lnTo>
                    <a:pt x="239975" y="23810"/>
                  </a:lnTo>
                  <a:lnTo>
                    <a:pt x="198558" y="6291"/>
                  </a:lnTo>
                  <a:lnTo>
                    <a:pt x="150875" y="0"/>
                  </a:lnTo>
                  <a:close/>
                </a:path>
              </a:pathLst>
            </a:custGeom>
            <a:solidFill>
              <a:srgbClr val="FFFFFF"/>
            </a:solidFill>
          </p:spPr>
          <p:txBody>
            <a:bodyPr wrap="square" lIns="0" tIns="0" rIns="0" bIns="0" rtlCol="0"/>
            <a:lstStyle/>
            <a:p>
              <a:endParaRPr/>
            </a:p>
          </p:txBody>
        </p:sp>
        <p:sp>
          <p:nvSpPr>
            <p:cNvPr id="32" name="object 32"/>
            <p:cNvSpPr/>
            <p:nvPr/>
          </p:nvSpPr>
          <p:spPr>
            <a:xfrm>
              <a:off x="2639568" y="5437632"/>
              <a:ext cx="302260" cy="247015"/>
            </a:xfrm>
            <a:custGeom>
              <a:avLst/>
              <a:gdLst/>
              <a:ahLst/>
              <a:cxnLst/>
              <a:rect l="l" t="t" r="r" b="b"/>
              <a:pathLst>
                <a:path w="302260" h="247014">
                  <a:moveTo>
                    <a:pt x="0" y="123444"/>
                  </a:moveTo>
                  <a:lnTo>
                    <a:pt x="7693" y="84417"/>
                  </a:lnTo>
                  <a:lnTo>
                    <a:pt x="29114" y="50529"/>
                  </a:lnTo>
                  <a:lnTo>
                    <a:pt x="61776" y="23810"/>
                  </a:lnTo>
                  <a:lnTo>
                    <a:pt x="103193" y="6291"/>
                  </a:lnTo>
                  <a:lnTo>
                    <a:pt x="150875" y="0"/>
                  </a:lnTo>
                  <a:lnTo>
                    <a:pt x="198558" y="6291"/>
                  </a:lnTo>
                  <a:lnTo>
                    <a:pt x="239975" y="23810"/>
                  </a:lnTo>
                  <a:lnTo>
                    <a:pt x="272637" y="50529"/>
                  </a:lnTo>
                  <a:lnTo>
                    <a:pt x="294058" y="84417"/>
                  </a:lnTo>
                  <a:lnTo>
                    <a:pt x="301751" y="123444"/>
                  </a:lnTo>
                  <a:lnTo>
                    <a:pt x="294058" y="162460"/>
                  </a:lnTo>
                  <a:lnTo>
                    <a:pt x="272637" y="196347"/>
                  </a:lnTo>
                  <a:lnTo>
                    <a:pt x="239975" y="223069"/>
                  </a:lnTo>
                  <a:lnTo>
                    <a:pt x="198558" y="240594"/>
                  </a:lnTo>
                  <a:lnTo>
                    <a:pt x="150875" y="246888"/>
                  </a:lnTo>
                  <a:lnTo>
                    <a:pt x="103193" y="240594"/>
                  </a:lnTo>
                  <a:lnTo>
                    <a:pt x="61776" y="223069"/>
                  </a:lnTo>
                  <a:lnTo>
                    <a:pt x="29114" y="196347"/>
                  </a:lnTo>
                  <a:lnTo>
                    <a:pt x="7693" y="162460"/>
                  </a:lnTo>
                  <a:lnTo>
                    <a:pt x="0" y="123444"/>
                  </a:lnTo>
                  <a:close/>
                </a:path>
              </a:pathLst>
            </a:custGeom>
            <a:ln w="12192">
              <a:solidFill>
                <a:srgbClr val="000000"/>
              </a:solidFill>
            </a:ln>
          </p:spPr>
          <p:txBody>
            <a:bodyPr wrap="square" lIns="0" tIns="0" rIns="0" bIns="0" rtlCol="0"/>
            <a:lstStyle/>
            <a:p>
              <a:endParaRPr/>
            </a:p>
          </p:txBody>
        </p:sp>
        <p:sp>
          <p:nvSpPr>
            <p:cNvPr id="33" name="object 33"/>
            <p:cNvSpPr/>
            <p:nvPr/>
          </p:nvSpPr>
          <p:spPr>
            <a:xfrm>
              <a:off x="2639568" y="5158740"/>
              <a:ext cx="302260" cy="247015"/>
            </a:xfrm>
            <a:custGeom>
              <a:avLst/>
              <a:gdLst/>
              <a:ahLst/>
              <a:cxnLst/>
              <a:rect l="l" t="t" r="r" b="b"/>
              <a:pathLst>
                <a:path w="302260" h="247014">
                  <a:moveTo>
                    <a:pt x="150875" y="0"/>
                  </a:moveTo>
                  <a:lnTo>
                    <a:pt x="103193" y="6291"/>
                  </a:lnTo>
                  <a:lnTo>
                    <a:pt x="61776" y="23810"/>
                  </a:lnTo>
                  <a:lnTo>
                    <a:pt x="29114" y="50529"/>
                  </a:lnTo>
                  <a:lnTo>
                    <a:pt x="7693" y="84417"/>
                  </a:lnTo>
                  <a:lnTo>
                    <a:pt x="0" y="123444"/>
                  </a:lnTo>
                  <a:lnTo>
                    <a:pt x="7693" y="162470"/>
                  </a:lnTo>
                  <a:lnTo>
                    <a:pt x="29114" y="196358"/>
                  </a:lnTo>
                  <a:lnTo>
                    <a:pt x="61776" y="223077"/>
                  </a:lnTo>
                  <a:lnTo>
                    <a:pt x="103193" y="240596"/>
                  </a:lnTo>
                  <a:lnTo>
                    <a:pt x="150875" y="246888"/>
                  </a:lnTo>
                  <a:lnTo>
                    <a:pt x="198558" y="240596"/>
                  </a:lnTo>
                  <a:lnTo>
                    <a:pt x="239975" y="223077"/>
                  </a:lnTo>
                  <a:lnTo>
                    <a:pt x="272637" y="196358"/>
                  </a:lnTo>
                  <a:lnTo>
                    <a:pt x="294058" y="162470"/>
                  </a:lnTo>
                  <a:lnTo>
                    <a:pt x="301751" y="123444"/>
                  </a:lnTo>
                  <a:lnTo>
                    <a:pt x="294058" y="84417"/>
                  </a:lnTo>
                  <a:lnTo>
                    <a:pt x="272637" y="50529"/>
                  </a:lnTo>
                  <a:lnTo>
                    <a:pt x="239975" y="23810"/>
                  </a:lnTo>
                  <a:lnTo>
                    <a:pt x="198558" y="6291"/>
                  </a:lnTo>
                  <a:lnTo>
                    <a:pt x="150875" y="0"/>
                  </a:lnTo>
                  <a:close/>
                </a:path>
              </a:pathLst>
            </a:custGeom>
            <a:solidFill>
              <a:srgbClr val="FFFFFF"/>
            </a:solidFill>
          </p:spPr>
          <p:txBody>
            <a:bodyPr wrap="square" lIns="0" tIns="0" rIns="0" bIns="0" rtlCol="0"/>
            <a:lstStyle/>
            <a:p>
              <a:endParaRPr/>
            </a:p>
          </p:txBody>
        </p:sp>
        <p:sp>
          <p:nvSpPr>
            <p:cNvPr id="34" name="object 34"/>
            <p:cNvSpPr/>
            <p:nvPr/>
          </p:nvSpPr>
          <p:spPr>
            <a:xfrm>
              <a:off x="2639568" y="5158740"/>
              <a:ext cx="302260" cy="247015"/>
            </a:xfrm>
            <a:custGeom>
              <a:avLst/>
              <a:gdLst/>
              <a:ahLst/>
              <a:cxnLst/>
              <a:rect l="l" t="t" r="r" b="b"/>
              <a:pathLst>
                <a:path w="302260" h="247014">
                  <a:moveTo>
                    <a:pt x="0" y="123444"/>
                  </a:moveTo>
                  <a:lnTo>
                    <a:pt x="7693" y="84417"/>
                  </a:lnTo>
                  <a:lnTo>
                    <a:pt x="29114" y="50529"/>
                  </a:lnTo>
                  <a:lnTo>
                    <a:pt x="61776" y="23810"/>
                  </a:lnTo>
                  <a:lnTo>
                    <a:pt x="103193" y="6291"/>
                  </a:lnTo>
                  <a:lnTo>
                    <a:pt x="150875" y="0"/>
                  </a:lnTo>
                  <a:lnTo>
                    <a:pt x="198558" y="6291"/>
                  </a:lnTo>
                  <a:lnTo>
                    <a:pt x="239975" y="23810"/>
                  </a:lnTo>
                  <a:lnTo>
                    <a:pt x="272637" y="50529"/>
                  </a:lnTo>
                  <a:lnTo>
                    <a:pt x="294058" y="84417"/>
                  </a:lnTo>
                  <a:lnTo>
                    <a:pt x="301751" y="123444"/>
                  </a:lnTo>
                  <a:lnTo>
                    <a:pt x="294058" y="162470"/>
                  </a:lnTo>
                  <a:lnTo>
                    <a:pt x="272637" y="196358"/>
                  </a:lnTo>
                  <a:lnTo>
                    <a:pt x="239975" y="223077"/>
                  </a:lnTo>
                  <a:lnTo>
                    <a:pt x="198558" y="240596"/>
                  </a:lnTo>
                  <a:lnTo>
                    <a:pt x="150875" y="246888"/>
                  </a:lnTo>
                  <a:lnTo>
                    <a:pt x="103193" y="240596"/>
                  </a:lnTo>
                  <a:lnTo>
                    <a:pt x="61776" y="223077"/>
                  </a:lnTo>
                  <a:lnTo>
                    <a:pt x="29114" y="196358"/>
                  </a:lnTo>
                  <a:lnTo>
                    <a:pt x="7693" y="162470"/>
                  </a:lnTo>
                  <a:lnTo>
                    <a:pt x="0" y="123444"/>
                  </a:lnTo>
                  <a:close/>
                </a:path>
              </a:pathLst>
            </a:custGeom>
            <a:ln w="12192">
              <a:solidFill>
                <a:srgbClr val="000000"/>
              </a:solidFill>
            </a:ln>
          </p:spPr>
          <p:txBody>
            <a:bodyPr wrap="square" lIns="0" tIns="0" rIns="0" bIns="0" rtlCol="0"/>
            <a:lstStyle/>
            <a:p>
              <a:endParaRPr/>
            </a:p>
          </p:txBody>
        </p:sp>
        <p:sp>
          <p:nvSpPr>
            <p:cNvPr id="35" name="object 35"/>
            <p:cNvSpPr/>
            <p:nvPr/>
          </p:nvSpPr>
          <p:spPr>
            <a:xfrm>
              <a:off x="2631947" y="6309360"/>
              <a:ext cx="302260" cy="245745"/>
            </a:xfrm>
            <a:custGeom>
              <a:avLst/>
              <a:gdLst/>
              <a:ahLst/>
              <a:cxnLst/>
              <a:rect l="l" t="t" r="r" b="b"/>
              <a:pathLst>
                <a:path w="302260" h="245745">
                  <a:moveTo>
                    <a:pt x="150875" y="0"/>
                  </a:moveTo>
                  <a:lnTo>
                    <a:pt x="103193" y="6254"/>
                  </a:lnTo>
                  <a:lnTo>
                    <a:pt x="61776" y="23670"/>
                  </a:lnTo>
                  <a:lnTo>
                    <a:pt x="29114" y="50227"/>
                  </a:lnTo>
                  <a:lnTo>
                    <a:pt x="7693" y="83905"/>
                  </a:lnTo>
                  <a:lnTo>
                    <a:pt x="0" y="122681"/>
                  </a:lnTo>
                  <a:lnTo>
                    <a:pt x="7693" y="161458"/>
                  </a:lnTo>
                  <a:lnTo>
                    <a:pt x="29114" y="195136"/>
                  </a:lnTo>
                  <a:lnTo>
                    <a:pt x="61776" y="221693"/>
                  </a:lnTo>
                  <a:lnTo>
                    <a:pt x="103193" y="239109"/>
                  </a:lnTo>
                  <a:lnTo>
                    <a:pt x="150875" y="245363"/>
                  </a:lnTo>
                  <a:lnTo>
                    <a:pt x="198558" y="239109"/>
                  </a:lnTo>
                  <a:lnTo>
                    <a:pt x="239975" y="221693"/>
                  </a:lnTo>
                  <a:lnTo>
                    <a:pt x="272637" y="195136"/>
                  </a:lnTo>
                  <a:lnTo>
                    <a:pt x="294058" y="161458"/>
                  </a:lnTo>
                  <a:lnTo>
                    <a:pt x="301751" y="122681"/>
                  </a:lnTo>
                  <a:lnTo>
                    <a:pt x="294058" y="83905"/>
                  </a:lnTo>
                  <a:lnTo>
                    <a:pt x="272637" y="50227"/>
                  </a:lnTo>
                  <a:lnTo>
                    <a:pt x="239975" y="23670"/>
                  </a:lnTo>
                  <a:lnTo>
                    <a:pt x="198558" y="6254"/>
                  </a:lnTo>
                  <a:lnTo>
                    <a:pt x="150875" y="0"/>
                  </a:lnTo>
                  <a:close/>
                </a:path>
              </a:pathLst>
            </a:custGeom>
            <a:solidFill>
              <a:srgbClr val="FFFFFF"/>
            </a:solidFill>
          </p:spPr>
          <p:txBody>
            <a:bodyPr wrap="square" lIns="0" tIns="0" rIns="0" bIns="0" rtlCol="0"/>
            <a:lstStyle/>
            <a:p>
              <a:endParaRPr/>
            </a:p>
          </p:txBody>
        </p:sp>
        <p:sp>
          <p:nvSpPr>
            <p:cNvPr id="36" name="object 36"/>
            <p:cNvSpPr/>
            <p:nvPr/>
          </p:nvSpPr>
          <p:spPr>
            <a:xfrm>
              <a:off x="2631947" y="6309360"/>
              <a:ext cx="302260" cy="245745"/>
            </a:xfrm>
            <a:custGeom>
              <a:avLst/>
              <a:gdLst/>
              <a:ahLst/>
              <a:cxnLst/>
              <a:rect l="l" t="t" r="r" b="b"/>
              <a:pathLst>
                <a:path w="302260" h="245745">
                  <a:moveTo>
                    <a:pt x="0" y="122681"/>
                  </a:moveTo>
                  <a:lnTo>
                    <a:pt x="7693" y="83905"/>
                  </a:lnTo>
                  <a:lnTo>
                    <a:pt x="29114" y="50227"/>
                  </a:lnTo>
                  <a:lnTo>
                    <a:pt x="61776" y="23670"/>
                  </a:lnTo>
                  <a:lnTo>
                    <a:pt x="103193" y="6254"/>
                  </a:lnTo>
                  <a:lnTo>
                    <a:pt x="150875" y="0"/>
                  </a:lnTo>
                  <a:lnTo>
                    <a:pt x="198558" y="6254"/>
                  </a:lnTo>
                  <a:lnTo>
                    <a:pt x="239975" y="23670"/>
                  </a:lnTo>
                  <a:lnTo>
                    <a:pt x="272637" y="50227"/>
                  </a:lnTo>
                  <a:lnTo>
                    <a:pt x="294058" y="83905"/>
                  </a:lnTo>
                  <a:lnTo>
                    <a:pt x="301751" y="122681"/>
                  </a:lnTo>
                  <a:lnTo>
                    <a:pt x="294058" y="161458"/>
                  </a:lnTo>
                  <a:lnTo>
                    <a:pt x="272637" y="195136"/>
                  </a:lnTo>
                  <a:lnTo>
                    <a:pt x="239975" y="221693"/>
                  </a:lnTo>
                  <a:lnTo>
                    <a:pt x="198558" y="239109"/>
                  </a:lnTo>
                  <a:lnTo>
                    <a:pt x="150875" y="245363"/>
                  </a:lnTo>
                  <a:lnTo>
                    <a:pt x="103193" y="239109"/>
                  </a:lnTo>
                  <a:lnTo>
                    <a:pt x="61776" y="221693"/>
                  </a:lnTo>
                  <a:lnTo>
                    <a:pt x="29114" y="195136"/>
                  </a:lnTo>
                  <a:lnTo>
                    <a:pt x="7693" y="161458"/>
                  </a:lnTo>
                  <a:lnTo>
                    <a:pt x="0" y="122681"/>
                  </a:lnTo>
                  <a:close/>
                </a:path>
              </a:pathLst>
            </a:custGeom>
            <a:ln w="12191">
              <a:solidFill>
                <a:srgbClr val="000000"/>
              </a:solidFill>
            </a:ln>
          </p:spPr>
          <p:txBody>
            <a:bodyPr wrap="square" lIns="0" tIns="0" rIns="0" bIns="0" rtlCol="0"/>
            <a:lstStyle/>
            <a:p>
              <a:endParaRPr/>
            </a:p>
          </p:txBody>
        </p:sp>
      </p:grpSp>
      <p:sp>
        <p:nvSpPr>
          <p:cNvPr id="37" name="object 37"/>
          <p:cNvSpPr txBox="1"/>
          <p:nvPr/>
        </p:nvSpPr>
        <p:spPr>
          <a:xfrm>
            <a:off x="4244720" y="5778195"/>
            <a:ext cx="177800" cy="579120"/>
          </a:xfrm>
          <a:prstGeom prst="rect">
            <a:avLst/>
          </a:prstGeom>
        </p:spPr>
        <p:txBody>
          <a:bodyPr vert="horz" wrap="square" lIns="0" tIns="12700" rIns="0" bIns="0" rtlCol="0">
            <a:spAutoFit/>
          </a:bodyPr>
          <a:lstStyle/>
          <a:p>
            <a:pPr marL="12700">
              <a:spcBef>
                <a:spcPts val="100"/>
              </a:spcBef>
            </a:pPr>
            <a:r>
              <a:rPr sz="1200" spc="509" dirty="0">
                <a:latin typeface="メイリオ"/>
                <a:cs typeface="メイリオ"/>
              </a:rPr>
              <a:t>•</a:t>
            </a:r>
            <a:endParaRPr sz="1200" dirty="0">
              <a:latin typeface="メイリオ"/>
              <a:cs typeface="メイリオ"/>
            </a:endParaRPr>
          </a:p>
          <a:p>
            <a:pPr marL="12700"/>
            <a:r>
              <a:rPr sz="1200" spc="509" dirty="0">
                <a:latin typeface="メイリオ"/>
                <a:cs typeface="メイリオ"/>
              </a:rPr>
              <a:t>•</a:t>
            </a:r>
            <a:endParaRPr sz="1200" dirty="0">
              <a:latin typeface="メイリオ"/>
              <a:cs typeface="メイリオ"/>
            </a:endParaRPr>
          </a:p>
          <a:p>
            <a:pPr marL="12700">
              <a:spcBef>
                <a:spcPts val="35"/>
              </a:spcBef>
            </a:pPr>
            <a:r>
              <a:rPr sz="1200" spc="509" dirty="0">
                <a:latin typeface="メイリオ"/>
                <a:cs typeface="メイリオ"/>
              </a:rPr>
              <a:t>•</a:t>
            </a:r>
            <a:endParaRPr sz="1200" dirty="0">
              <a:latin typeface="メイリオ"/>
              <a:cs typeface="メイリオ"/>
            </a:endParaRPr>
          </a:p>
        </p:txBody>
      </p:sp>
      <p:grpSp>
        <p:nvGrpSpPr>
          <p:cNvPr id="38" name="object 38"/>
          <p:cNvGrpSpPr/>
          <p:nvPr/>
        </p:nvGrpSpPr>
        <p:grpSpPr>
          <a:xfrm>
            <a:off x="2365122" y="5243957"/>
            <a:ext cx="3016885" cy="1203960"/>
            <a:chOff x="841121" y="5243957"/>
            <a:chExt cx="3016885" cy="1203960"/>
          </a:xfrm>
        </p:grpSpPr>
        <p:sp>
          <p:nvSpPr>
            <p:cNvPr id="39" name="object 39"/>
            <p:cNvSpPr/>
            <p:nvPr/>
          </p:nvSpPr>
          <p:spPr>
            <a:xfrm>
              <a:off x="855726" y="5260086"/>
              <a:ext cx="825500" cy="1149985"/>
            </a:xfrm>
            <a:custGeom>
              <a:avLst/>
              <a:gdLst/>
              <a:ahLst/>
              <a:cxnLst/>
              <a:rect l="l" t="t" r="r" b="b"/>
              <a:pathLst>
                <a:path w="825500" h="1149985">
                  <a:moveTo>
                    <a:pt x="825119" y="278891"/>
                  </a:moveTo>
                  <a:lnTo>
                    <a:pt x="0" y="711961"/>
                  </a:lnTo>
                </a:path>
                <a:path w="825500" h="1149985">
                  <a:moveTo>
                    <a:pt x="825119" y="0"/>
                  </a:moveTo>
                  <a:lnTo>
                    <a:pt x="0" y="121538"/>
                  </a:lnTo>
                </a:path>
                <a:path w="825500" h="1149985">
                  <a:moveTo>
                    <a:pt x="825119" y="278891"/>
                  </a:moveTo>
                  <a:lnTo>
                    <a:pt x="0" y="416750"/>
                  </a:lnTo>
                </a:path>
                <a:path w="825500" h="1149985">
                  <a:moveTo>
                    <a:pt x="825119" y="0"/>
                  </a:moveTo>
                  <a:lnTo>
                    <a:pt x="0" y="416737"/>
                  </a:lnTo>
                </a:path>
                <a:path w="825500" h="1149985">
                  <a:moveTo>
                    <a:pt x="825119" y="0"/>
                  </a:moveTo>
                  <a:lnTo>
                    <a:pt x="0" y="711936"/>
                  </a:lnTo>
                </a:path>
                <a:path w="825500" h="1149985">
                  <a:moveTo>
                    <a:pt x="825119" y="0"/>
                  </a:moveTo>
                  <a:lnTo>
                    <a:pt x="0" y="1003579"/>
                  </a:lnTo>
                </a:path>
                <a:path w="825500" h="1149985">
                  <a:moveTo>
                    <a:pt x="825119" y="277748"/>
                  </a:moveTo>
                  <a:lnTo>
                    <a:pt x="0" y="120395"/>
                  </a:lnTo>
                </a:path>
                <a:path w="825500" h="1149985">
                  <a:moveTo>
                    <a:pt x="818261" y="1149134"/>
                  </a:moveTo>
                  <a:lnTo>
                    <a:pt x="0" y="1002791"/>
                  </a:lnTo>
                </a:path>
                <a:path w="825500" h="1149985">
                  <a:moveTo>
                    <a:pt x="818261" y="1149692"/>
                  </a:moveTo>
                  <a:lnTo>
                    <a:pt x="0" y="711707"/>
                  </a:lnTo>
                </a:path>
                <a:path w="825500" h="1149985">
                  <a:moveTo>
                    <a:pt x="818261" y="1149235"/>
                  </a:moveTo>
                  <a:lnTo>
                    <a:pt x="0" y="416051"/>
                  </a:lnTo>
                </a:path>
                <a:path w="825500" h="1149985">
                  <a:moveTo>
                    <a:pt x="818261" y="1148791"/>
                  </a:moveTo>
                  <a:lnTo>
                    <a:pt x="0" y="120395"/>
                  </a:lnTo>
                </a:path>
                <a:path w="825500" h="1149985">
                  <a:moveTo>
                    <a:pt x="825119" y="278891"/>
                  </a:moveTo>
                  <a:lnTo>
                    <a:pt x="0" y="1003604"/>
                  </a:lnTo>
                </a:path>
              </a:pathLst>
            </a:custGeom>
            <a:ln w="28956">
              <a:solidFill>
                <a:srgbClr val="EC7C30"/>
              </a:solidFill>
            </a:ln>
          </p:spPr>
          <p:txBody>
            <a:bodyPr wrap="square" lIns="0" tIns="0" rIns="0" bIns="0" rtlCol="0"/>
            <a:lstStyle/>
            <a:p>
              <a:endParaRPr/>
            </a:p>
          </p:txBody>
        </p:sp>
        <p:sp>
          <p:nvSpPr>
            <p:cNvPr id="40" name="object 40"/>
            <p:cNvSpPr/>
            <p:nvPr/>
          </p:nvSpPr>
          <p:spPr>
            <a:xfrm>
              <a:off x="1962150" y="5258562"/>
              <a:ext cx="658495" cy="1162685"/>
            </a:xfrm>
            <a:custGeom>
              <a:avLst/>
              <a:gdLst/>
              <a:ahLst/>
              <a:cxnLst/>
              <a:rect l="l" t="t" r="r" b="b"/>
              <a:pathLst>
                <a:path w="658494" h="1162685">
                  <a:moveTo>
                    <a:pt x="6095" y="0"/>
                  </a:moveTo>
                  <a:lnTo>
                    <a:pt x="657098" y="11556"/>
                  </a:lnTo>
                </a:path>
                <a:path w="658494" h="1162685">
                  <a:moveTo>
                    <a:pt x="6095" y="279526"/>
                  </a:moveTo>
                  <a:lnTo>
                    <a:pt x="657098" y="12191"/>
                  </a:lnTo>
                </a:path>
                <a:path w="658494" h="1162685">
                  <a:moveTo>
                    <a:pt x="0" y="1150607"/>
                  </a:moveTo>
                  <a:lnTo>
                    <a:pt x="657987" y="12191"/>
                  </a:lnTo>
                </a:path>
                <a:path w="658494" h="1162685">
                  <a:moveTo>
                    <a:pt x="6095" y="0"/>
                  </a:moveTo>
                  <a:lnTo>
                    <a:pt x="657098" y="290322"/>
                  </a:lnTo>
                </a:path>
                <a:path w="658494" h="1162685">
                  <a:moveTo>
                    <a:pt x="6095" y="278891"/>
                  </a:moveTo>
                  <a:lnTo>
                    <a:pt x="657098" y="290449"/>
                  </a:lnTo>
                </a:path>
                <a:path w="658494" h="1162685">
                  <a:moveTo>
                    <a:pt x="0" y="1150620"/>
                  </a:moveTo>
                  <a:lnTo>
                    <a:pt x="657987" y="291084"/>
                  </a:lnTo>
                </a:path>
                <a:path w="658494" h="1162685">
                  <a:moveTo>
                    <a:pt x="6095" y="0"/>
                  </a:moveTo>
                  <a:lnTo>
                    <a:pt x="650239" y="1161440"/>
                  </a:lnTo>
                </a:path>
                <a:path w="658494" h="1162685">
                  <a:moveTo>
                    <a:pt x="6095" y="278891"/>
                  </a:moveTo>
                  <a:lnTo>
                    <a:pt x="650239" y="1161453"/>
                  </a:lnTo>
                </a:path>
                <a:path w="658494" h="1162685">
                  <a:moveTo>
                    <a:pt x="0" y="1150620"/>
                  </a:moveTo>
                  <a:lnTo>
                    <a:pt x="651001" y="1162138"/>
                  </a:lnTo>
                </a:path>
              </a:pathLst>
            </a:custGeom>
            <a:ln w="28956">
              <a:solidFill>
                <a:srgbClr val="92D050"/>
              </a:solidFill>
            </a:ln>
          </p:spPr>
          <p:txBody>
            <a:bodyPr wrap="square" lIns="0" tIns="0" rIns="0" bIns="0" rtlCol="0"/>
            <a:lstStyle/>
            <a:p>
              <a:endParaRPr/>
            </a:p>
          </p:txBody>
        </p:sp>
        <p:sp>
          <p:nvSpPr>
            <p:cNvPr id="41" name="object 41"/>
            <p:cNvSpPr/>
            <p:nvPr/>
          </p:nvSpPr>
          <p:spPr>
            <a:xfrm>
              <a:off x="2934462" y="5282946"/>
              <a:ext cx="908685" cy="1149985"/>
            </a:xfrm>
            <a:custGeom>
              <a:avLst/>
              <a:gdLst/>
              <a:ahLst/>
              <a:cxnLst/>
              <a:rect l="l" t="t" r="r" b="b"/>
              <a:pathLst>
                <a:path w="908685" h="1149985">
                  <a:moveTo>
                    <a:pt x="908685" y="245363"/>
                  </a:moveTo>
                  <a:lnTo>
                    <a:pt x="7619" y="0"/>
                  </a:lnTo>
                </a:path>
                <a:path w="908685" h="1149985">
                  <a:moveTo>
                    <a:pt x="908685" y="245363"/>
                  </a:moveTo>
                  <a:lnTo>
                    <a:pt x="7619" y="278891"/>
                  </a:lnTo>
                </a:path>
                <a:path w="908685" h="1149985">
                  <a:moveTo>
                    <a:pt x="907923" y="870203"/>
                  </a:moveTo>
                  <a:lnTo>
                    <a:pt x="0" y="1149845"/>
                  </a:lnTo>
                </a:path>
                <a:path w="908685" h="1149985">
                  <a:moveTo>
                    <a:pt x="907923" y="245363"/>
                  </a:moveTo>
                  <a:lnTo>
                    <a:pt x="0" y="1149972"/>
                  </a:lnTo>
                </a:path>
                <a:path w="908685" h="1149985">
                  <a:moveTo>
                    <a:pt x="908685" y="870305"/>
                  </a:moveTo>
                  <a:lnTo>
                    <a:pt x="7619" y="278891"/>
                  </a:lnTo>
                </a:path>
                <a:path w="908685" h="1149985">
                  <a:moveTo>
                    <a:pt x="908685" y="870280"/>
                  </a:moveTo>
                  <a:lnTo>
                    <a:pt x="7619" y="0"/>
                  </a:lnTo>
                </a:path>
              </a:pathLst>
            </a:custGeom>
            <a:ln w="28956">
              <a:solidFill>
                <a:srgbClr val="5B9BD4"/>
              </a:solidFill>
            </a:ln>
          </p:spPr>
          <p:txBody>
            <a:bodyPr wrap="square" lIns="0" tIns="0" rIns="0" bIns="0" rtlCol="0"/>
            <a:lstStyle/>
            <a:p>
              <a:endParaRPr/>
            </a:p>
          </p:txBody>
        </p:sp>
      </p:grpSp>
      <p:sp>
        <p:nvSpPr>
          <p:cNvPr id="42" name="object 42"/>
          <p:cNvSpPr txBox="1"/>
          <p:nvPr/>
        </p:nvSpPr>
        <p:spPr>
          <a:xfrm>
            <a:off x="4094227" y="2561590"/>
            <a:ext cx="1391285" cy="391160"/>
          </a:xfrm>
          <a:prstGeom prst="rect">
            <a:avLst/>
          </a:prstGeom>
        </p:spPr>
        <p:txBody>
          <a:bodyPr vert="horz" wrap="square" lIns="0" tIns="12700" rIns="0" bIns="0" rtlCol="0">
            <a:spAutoFit/>
          </a:bodyPr>
          <a:lstStyle/>
          <a:p>
            <a:pPr marL="12700">
              <a:spcBef>
                <a:spcPts val="100"/>
              </a:spcBef>
            </a:pPr>
            <a:r>
              <a:rPr sz="2400" b="1" dirty="0">
                <a:solidFill>
                  <a:srgbClr val="385622"/>
                </a:solidFill>
                <a:latin typeface="メイリオ"/>
                <a:cs typeface="メイリオ"/>
              </a:rPr>
              <a:t>階層的</a:t>
            </a:r>
            <a:r>
              <a:rPr sz="2400" b="1" spc="-25" dirty="0">
                <a:solidFill>
                  <a:srgbClr val="385622"/>
                </a:solidFill>
                <a:latin typeface="Century Gothic"/>
                <a:cs typeface="Century Gothic"/>
              </a:rPr>
              <a:t>NN</a:t>
            </a:r>
            <a:endParaRPr sz="2400" dirty="0">
              <a:latin typeface="Century Gothic"/>
              <a:cs typeface="Century Gothic"/>
            </a:endParaRPr>
          </a:p>
        </p:txBody>
      </p:sp>
      <p:grpSp>
        <p:nvGrpSpPr>
          <p:cNvPr id="43" name="object 43"/>
          <p:cNvGrpSpPr/>
          <p:nvPr/>
        </p:nvGrpSpPr>
        <p:grpSpPr>
          <a:xfrm>
            <a:off x="2353055" y="2959607"/>
            <a:ext cx="3543300" cy="3571240"/>
            <a:chOff x="829055" y="2959607"/>
            <a:chExt cx="3543300" cy="3571240"/>
          </a:xfrm>
        </p:grpSpPr>
        <p:sp>
          <p:nvSpPr>
            <p:cNvPr id="44" name="object 44"/>
            <p:cNvSpPr/>
            <p:nvPr/>
          </p:nvSpPr>
          <p:spPr>
            <a:xfrm>
              <a:off x="1885188" y="2988563"/>
              <a:ext cx="2458720" cy="1210310"/>
            </a:xfrm>
            <a:custGeom>
              <a:avLst/>
              <a:gdLst/>
              <a:ahLst/>
              <a:cxnLst/>
              <a:rect l="l" t="t" r="r" b="b"/>
              <a:pathLst>
                <a:path w="2458720" h="1210310">
                  <a:moveTo>
                    <a:pt x="1229106" y="0"/>
                  </a:moveTo>
                  <a:lnTo>
                    <a:pt x="1165856" y="787"/>
                  </a:lnTo>
                  <a:lnTo>
                    <a:pt x="1103437" y="3123"/>
                  </a:lnTo>
                  <a:lnTo>
                    <a:pt x="1041925" y="6971"/>
                  </a:lnTo>
                  <a:lnTo>
                    <a:pt x="981398" y="12292"/>
                  </a:lnTo>
                  <a:lnTo>
                    <a:pt x="921933" y="19048"/>
                  </a:lnTo>
                  <a:lnTo>
                    <a:pt x="863608" y="27201"/>
                  </a:lnTo>
                  <a:lnTo>
                    <a:pt x="806498" y="36714"/>
                  </a:lnTo>
                  <a:lnTo>
                    <a:pt x="750683" y="47547"/>
                  </a:lnTo>
                  <a:lnTo>
                    <a:pt x="696238" y="59664"/>
                  </a:lnTo>
                  <a:lnTo>
                    <a:pt x="643241" y="73025"/>
                  </a:lnTo>
                  <a:lnTo>
                    <a:pt x="591770" y="87594"/>
                  </a:lnTo>
                  <a:lnTo>
                    <a:pt x="541901" y="103332"/>
                  </a:lnTo>
                  <a:lnTo>
                    <a:pt x="493712" y="120200"/>
                  </a:lnTo>
                  <a:lnTo>
                    <a:pt x="447281" y="138162"/>
                  </a:lnTo>
                  <a:lnTo>
                    <a:pt x="402683" y="157179"/>
                  </a:lnTo>
                  <a:lnTo>
                    <a:pt x="359997" y="177212"/>
                  </a:lnTo>
                  <a:lnTo>
                    <a:pt x="319299" y="198225"/>
                  </a:lnTo>
                  <a:lnTo>
                    <a:pt x="280668" y="220178"/>
                  </a:lnTo>
                  <a:lnTo>
                    <a:pt x="244180" y="243034"/>
                  </a:lnTo>
                  <a:lnTo>
                    <a:pt x="209912" y="266755"/>
                  </a:lnTo>
                  <a:lnTo>
                    <a:pt x="177942" y="291303"/>
                  </a:lnTo>
                  <a:lnTo>
                    <a:pt x="148346" y="316640"/>
                  </a:lnTo>
                  <a:lnTo>
                    <a:pt x="96589" y="369528"/>
                  </a:lnTo>
                  <a:lnTo>
                    <a:pt x="55258" y="425115"/>
                  </a:lnTo>
                  <a:lnTo>
                    <a:pt x="24971" y="483096"/>
                  </a:lnTo>
                  <a:lnTo>
                    <a:pt x="6345" y="543169"/>
                  </a:lnTo>
                  <a:lnTo>
                    <a:pt x="0" y="605027"/>
                  </a:lnTo>
                  <a:lnTo>
                    <a:pt x="1599" y="636161"/>
                  </a:lnTo>
                  <a:lnTo>
                    <a:pt x="14162" y="697165"/>
                  </a:lnTo>
                  <a:lnTo>
                    <a:pt x="38695" y="756230"/>
                  </a:lnTo>
                  <a:lnTo>
                    <a:pt x="74581" y="813052"/>
                  </a:lnTo>
                  <a:lnTo>
                    <a:pt x="121203" y="867327"/>
                  </a:lnTo>
                  <a:lnTo>
                    <a:pt x="177942" y="918752"/>
                  </a:lnTo>
                  <a:lnTo>
                    <a:pt x="209912" y="943300"/>
                  </a:lnTo>
                  <a:lnTo>
                    <a:pt x="244180" y="967021"/>
                  </a:lnTo>
                  <a:lnTo>
                    <a:pt x="280668" y="989877"/>
                  </a:lnTo>
                  <a:lnTo>
                    <a:pt x="319299" y="1011830"/>
                  </a:lnTo>
                  <a:lnTo>
                    <a:pt x="359997" y="1032843"/>
                  </a:lnTo>
                  <a:lnTo>
                    <a:pt x="402683" y="1052876"/>
                  </a:lnTo>
                  <a:lnTo>
                    <a:pt x="447281" y="1071893"/>
                  </a:lnTo>
                  <a:lnTo>
                    <a:pt x="493712" y="1089855"/>
                  </a:lnTo>
                  <a:lnTo>
                    <a:pt x="541901" y="1106723"/>
                  </a:lnTo>
                  <a:lnTo>
                    <a:pt x="591770" y="1122461"/>
                  </a:lnTo>
                  <a:lnTo>
                    <a:pt x="643241" y="1137030"/>
                  </a:lnTo>
                  <a:lnTo>
                    <a:pt x="696238" y="1150391"/>
                  </a:lnTo>
                  <a:lnTo>
                    <a:pt x="750683" y="1162508"/>
                  </a:lnTo>
                  <a:lnTo>
                    <a:pt x="806498" y="1173341"/>
                  </a:lnTo>
                  <a:lnTo>
                    <a:pt x="863608" y="1182854"/>
                  </a:lnTo>
                  <a:lnTo>
                    <a:pt x="921933" y="1191007"/>
                  </a:lnTo>
                  <a:lnTo>
                    <a:pt x="981398" y="1197763"/>
                  </a:lnTo>
                  <a:lnTo>
                    <a:pt x="1041925" y="1203084"/>
                  </a:lnTo>
                  <a:lnTo>
                    <a:pt x="1103437" y="1206932"/>
                  </a:lnTo>
                  <a:lnTo>
                    <a:pt x="1165856" y="1209268"/>
                  </a:lnTo>
                  <a:lnTo>
                    <a:pt x="1229106" y="1210056"/>
                  </a:lnTo>
                  <a:lnTo>
                    <a:pt x="1292355" y="1209268"/>
                  </a:lnTo>
                  <a:lnTo>
                    <a:pt x="1354774" y="1206932"/>
                  </a:lnTo>
                  <a:lnTo>
                    <a:pt x="1416286" y="1203084"/>
                  </a:lnTo>
                  <a:lnTo>
                    <a:pt x="1476813" y="1197763"/>
                  </a:lnTo>
                  <a:lnTo>
                    <a:pt x="1536278" y="1191007"/>
                  </a:lnTo>
                  <a:lnTo>
                    <a:pt x="1594603" y="1182854"/>
                  </a:lnTo>
                  <a:lnTo>
                    <a:pt x="1651713" y="1173341"/>
                  </a:lnTo>
                  <a:lnTo>
                    <a:pt x="1707528" y="1162508"/>
                  </a:lnTo>
                  <a:lnTo>
                    <a:pt x="1761973" y="1150391"/>
                  </a:lnTo>
                  <a:lnTo>
                    <a:pt x="1814970" y="1137030"/>
                  </a:lnTo>
                  <a:lnTo>
                    <a:pt x="1866441" y="1122461"/>
                  </a:lnTo>
                  <a:lnTo>
                    <a:pt x="1916310" y="1106723"/>
                  </a:lnTo>
                  <a:lnTo>
                    <a:pt x="1964499" y="1089855"/>
                  </a:lnTo>
                  <a:lnTo>
                    <a:pt x="2010930" y="1071893"/>
                  </a:lnTo>
                  <a:lnTo>
                    <a:pt x="2055528" y="1052876"/>
                  </a:lnTo>
                  <a:lnTo>
                    <a:pt x="2098214" y="1032843"/>
                  </a:lnTo>
                  <a:lnTo>
                    <a:pt x="2138912" y="1011830"/>
                  </a:lnTo>
                  <a:lnTo>
                    <a:pt x="2177543" y="989877"/>
                  </a:lnTo>
                  <a:lnTo>
                    <a:pt x="2214031" y="967021"/>
                  </a:lnTo>
                  <a:lnTo>
                    <a:pt x="2248299" y="943300"/>
                  </a:lnTo>
                  <a:lnTo>
                    <a:pt x="2280269" y="918752"/>
                  </a:lnTo>
                  <a:lnTo>
                    <a:pt x="2309865" y="893415"/>
                  </a:lnTo>
                  <a:lnTo>
                    <a:pt x="2361622" y="840527"/>
                  </a:lnTo>
                  <a:lnTo>
                    <a:pt x="2402953" y="784940"/>
                  </a:lnTo>
                  <a:lnTo>
                    <a:pt x="2433240" y="726959"/>
                  </a:lnTo>
                  <a:lnTo>
                    <a:pt x="2451866" y="666886"/>
                  </a:lnTo>
                  <a:lnTo>
                    <a:pt x="2458212" y="605027"/>
                  </a:lnTo>
                  <a:lnTo>
                    <a:pt x="2456612" y="573894"/>
                  </a:lnTo>
                  <a:lnTo>
                    <a:pt x="2444049" y="512890"/>
                  </a:lnTo>
                  <a:lnTo>
                    <a:pt x="2419516" y="453825"/>
                  </a:lnTo>
                  <a:lnTo>
                    <a:pt x="2383630" y="397003"/>
                  </a:lnTo>
                  <a:lnTo>
                    <a:pt x="2337008" y="342728"/>
                  </a:lnTo>
                  <a:lnTo>
                    <a:pt x="2280269" y="291303"/>
                  </a:lnTo>
                  <a:lnTo>
                    <a:pt x="2248299" y="266755"/>
                  </a:lnTo>
                  <a:lnTo>
                    <a:pt x="2214031" y="243034"/>
                  </a:lnTo>
                  <a:lnTo>
                    <a:pt x="2177543" y="220178"/>
                  </a:lnTo>
                  <a:lnTo>
                    <a:pt x="2138912" y="198225"/>
                  </a:lnTo>
                  <a:lnTo>
                    <a:pt x="2098214" y="177212"/>
                  </a:lnTo>
                  <a:lnTo>
                    <a:pt x="2055528" y="157179"/>
                  </a:lnTo>
                  <a:lnTo>
                    <a:pt x="2010930" y="138162"/>
                  </a:lnTo>
                  <a:lnTo>
                    <a:pt x="1964499" y="120200"/>
                  </a:lnTo>
                  <a:lnTo>
                    <a:pt x="1916310" y="103332"/>
                  </a:lnTo>
                  <a:lnTo>
                    <a:pt x="1866441" y="87594"/>
                  </a:lnTo>
                  <a:lnTo>
                    <a:pt x="1814970" y="73025"/>
                  </a:lnTo>
                  <a:lnTo>
                    <a:pt x="1761973" y="59664"/>
                  </a:lnTo>
                  <a:lnTo>
                    <a:pt x="1707528" y="47547"/>
                  </a:lnTo>
                  <a:lnTo>
                    <a:pt x="1651713" y="36714"/>
                  </a:lnTo>
                  <a:lnTo>
                    <a:pt x="1594603" y="27201"/>
                  </a:lnTo>
                  <a:lnTo>
                    <a:pt x="1536278" y="19048"/>
                  </a:lnTo>
                  <a:lnTo>
                    <a:pt x="1476813" y="12292"/>
                  </a:lnTo>
                  <a:lnTo>
                    <a:pt x="1416286" y="6971"/>
                  </a:lnTo>
                  <a:lnTo>
                    <a:pt x="1354774" y="3123"/>
                  </a:lnTo>
                  <a:lnTo>
                    <a:pt x="1292355" y="787"/>
                  </a:lnTo>
                  <a:lnTo>
                    <a:pt x="1229106" y="0"/>
                  </a:lnTo>
                  <a:close/>
                </a:path>
              </a:pathLst>
            </a:custGeom>
            <a:solidFill>
              <a:srgbClr val="FFE699"/>
            </a:solidFill>
          </p:spPr>
          <p:txBody>
            <a:bodyPr wrap="square" lIns="0" tIns="0" rIns="0" bIns="0" rtlCol="0"/>
            <a:lstStyle/>
            <a:p>
              <a:endParaRPr/>
            </a:p>
          </p:txBody>
        </p:sp>
        <p:sp>
          <p:nvSpPr>
            <p:cNvPr id="45" name="object 45"/>
            <p:cNvSpPr/>
            <p:nvPr/>
          </p:nvSpPr>
          <p:spPr>
            <a:xfrm>
              <a:off x="1885188" y="2988563"/>
              <a:ext cx="2458720" cy="1210310"/>
            </a:xfrm>
            <a:custGeom>
              <a:avLst/>
              <a:gdLst/>
              <a:ahLst/>
              <a:cxnLst/>
              <a:rect l="l" t="t" r="r" b="b"/>
              <a:pathLst>
                <a:path w="2458720" h="1210310">
                  <a:moveTo>
                    <a:pt x="0" y="605027"/>
                  </a:moveTo>
                  <a:lnTo>
                    <a:pt x="6345" y="543169"/>
                  </a:lnTo>
                  <a:lnTo>
                    <a:pt x="24971" y="483096"/>
                  </a:lnTo>
                  <a:lnTo>
                    <a:pt x="55258" y="425115"/>
                  </a:lnTo>
                  <a:lnTo>
                    <a:pt x="96589" y="369528"/>
                  </a:lnTo>
                  <a:lnTo>
                    <a:pt x="148346" y="316640"/>
                  </a:lnTo>
                  <a:lnTo>
                    <a:pt x="177942" y="291303"/>
                  </a:lnTo>
                  <a:lnTo>
                    <a:pt x="209912" y="266755"/>
                  </a:lnTo>
                  <a:lnTo>
                    <a:pt x="244180" y="243034"/>
                  </a:lnTo>
                  <a:lnTo>
                    <a:pt x="280668" y="220178"/>
                  </a:lnTo>
                  <a:lnTo>
                    <a:pt x="319299" y="198225"/>
                  </a:lnTo>
                  <a:lnTo>
                    <a:pt x="359997" y="177212"/>
                  </a:lnTo>
                  <a:lnTo>
                    <a:pt x="402683" y="157179"/>
                  </a:lnTo>
                  <a:lnTo>
                    <a:pt x="447281" y="138162"/>
                  </a:lnTo>
                  <a:lnTo>
                    <a:pt x="493712" y="120200"/>
                  </a:lnTo>
                  <a:lnTo>
                    <a:pt x="541901" y="103332"/>
                  </a:lnTo>
                  <a:lnTo>
                    <a:pt x="591770" y="87594"/>
                  </a:lnTo>
                  <a:lnTo>
                    <a:pt x="643241" y="73025"/>
                  </a:lnTo>
                  <a:lnTo>
                    <a:pt x="696238" y="59664"/>
                  </a:lnTo>
                  <a:lnTo>
                    <a:pt x="750683" y="47547"/>
                  </a:lnTo>
                  <a:lnTo>
                    <a:pt x="806498" y="36714"/>
                  </a:lnTo>
                  <a:lnTo>
                    <a:pt x="863608" y="27201"/>
                  </a:lnTo>
                  <a:lnTo>
                    <a:pt x="921933" y="19048"/>
                  </a:lnTo>
                  <a:lnTo>
                    <a:pt x="981398" y="12292"/>
                  </a:lnTo>
                  <a:lnTo>
                    <a:pt x="1041925" y="6971"/>
                  </a:lnTo>
                  <a:lnTo>
                    <a:pt x="1103437" y="3123"/>
                  </a:lnTo>
                  <a:lnTo>
                    <a:pt x="1165856" y="787"/>
                  </a:lnTo>
                  <a:lnTo>
                    <a:pt x="1229106" y="0"/>
                  </a:lnTo>
                  <a:lnTo>
                    <a:pt x="1292355" y="787"/>
                  </a:lnTo>
                  <a:lnTo>
                    <a:pt x="1354774" y="3123"/>
                  </a:lnTo>
                  <a:lnTo>
                    <a:pt x="1416286" y="6971"/>
                  </a:lnTo>
                  <a:lnTo>
                    <a:pt x="1476813" y="12292"/>
                  </a:lnTo>
                  <a:lnTo>
                    <a:pt x="1536278" y="19048"/>
                  </a:lnTo>
                  <a:lnTo>
                    <a:pt x="1594603" y="27201"/>
                  </a:lnTo>
                  <a:lnTo>
                    <a:pt x="1651713" y="36714"/>
                  </a:lnTo>
                  <a:lnTo>
                    <a:pt x="1707528" y="47547"/>
                  </a:lnTo>
                  <a:lnTo>
                    <a:pt x="1761973" y="59664"/>
                  </a:lnTo>
                  <a:lnTo>
                    <a:pt x="1814970" y="73025"/>
                  </a:lnTo>
                  <a:lnTo>
                    <a:pt x="1866441" y="87594"/>
                  </a:lnTo>
                  <a:lnTo>
                    <a:pt x="1916310" y="103332"/>
                  </a:lnTo>
                  <a:lnTo>
                    <a:pt x="1964499" y="120200"/>
                  </a:lnTo>
                  <a:lnTo>
                    <a:pt x="2010930" y="138162"/>
                  </a:lnTo>
                  <a:lnTo>
                    <a:pt x="2055528" y="157179"/>
                  </a:lnTo>
                  <a:lnTo>
                    <a:pt x="2098214" y="177212"/>
                  </a:lnTo>
                  <a:lnTo>
                    <a:pt x="2138912" y="198225"/>
                  </a:lnTo>
                  <a:lnTo>
                    <a:pt x="2177543" y="220178"/>
                  </a:lnTo>
                  <a:lnTo>
                    <a:pt x="2214031" y="243034"/>
                  </a:lnTo>
                  <a:lnTo>
                    <a:pt x="2248299" y="266755"/>
                  </a:lnTo>
                  <a:lnTo>
                    <a:pt x="2280269" y="291303"/>
                  </a:lnTo>
                  <a:lnTo>
                    <a:pt x="2309865" y="316640"/>
                  </a:lnTo>
                  <a:lnTo>
                    <a:pt x="2361622" y="369528"/>
                  </a:lnTo>
                  <a:lnTo>
                    <a:pt x="2402953" y="425115"/>
                  </a:lnTo>
                  <a:lnTo>
                    <a:pt x="2433240" y="483096"/>
                  </a:lnTo>
                  <a:lnTo>
                    <a:pt x="2451866" y="543169"/>
                  </a:lnTo>
                  <a:lnTo>
                    <a:pt x="2458212" y="605027"/>
                  </a:lnTo>
                  <a:lnTo>
                    <a:pt x="2456612" y="636161"/>
                  </a:lnTo>
                  <a:lnTo>
                    <a:pt x="2444049" y="697165"/>
                  </a:lnTo>
                  <a:lnTo>
                    <a:pt x="2419516" y="756230"/>
                  </a:lnTo>
                  <a:lnTo>
                    <a:pt x="2383630" y="813052"/>
                  </a:lnTo>
                  <a:lnTo>
                    <a:pt x="2337008" y="867327"/>
                  </a:lnTo>
                  <a:lnTo>
                    <a:pt x="2280269" y="918752"/>
                  </a:lnTo>
                  <a:lnTo>
                    <a:pt x="2248299" y="943300"/>
                  </a:lnTo>
                  <a:lnTo>
                    <a:pt x="2214031" y="967021"/>
                  </a:lnTo>
                  <a:lnTo>
                    <a:pt x="2177543" y="989877"/>
                  </a:lnTo>
                  <a:lnTo>
                    <a:pt x="2138912" y="1011830"/>
                  </a:lnTo>
                  <a:lnTo>
                    <a:pt x="2098214" y="1032843"/>
                  </a:lnTo>
                  <a:lnTo>
                    <a:pt x="2055528" y="1052876"/>
                  </a:lnTo>
                  <a:lnTo>
                    <a:pt x="2010930" y="1071893"/>
                  </a:lnTo>
                  <a:lnTo>
                    <a:pt x="1964499" y="1089855"/>
                  </a:lnTo>
                  <a:lnTo>
                    <a:pt x="1916310" y="1106723"/>
                  </a:lnTo>
                  <a:lnTo>
                    <a:pt x="1866441" y="1122461"/>
                  </a:lnTo>
                  <a:lnTo>
                    <a:pt x="1814970" y="1137030"/>
                  </a:lnTo>
                  <a:lnTo>
                    <a:pt x="1761973" y="1150391"/>
                  </a:lnTo>
                  <a:lnTo>
                    <a:pt x="1707528" y="1162508"/>
                  </a:lnTo>
                  <a:lnTo>
                    <a:pt x="1651713" y="1173341"/>
                  </a:lnTo>
                  <a:lnTo>
                    <a:pt x="1594603" y="1182854"/>
                  </a:lnTo>
                  <a:lnTo>
                    <a:pt x="1536278" y="1191007"/>
                  </a:lnTo>
                  <a:lnTo>
                    <a:pt x="1476813" y="1197763"/>
                  </a:lnTo>
                  <a:lnTo>
                    <a:pt x="1416286" y="1203084"/>
                  </a:lnTo>
                  <a:lnTo>
                    <a:pt x="1354774" y="1206932"/>
                  </a:lnTo>
                  <a:lnTo>
                    <a:pt x="1292355" y="1209268"/>
                  </a:lnTo>
                  <a:lnTo>
                    <a:pt x="1229106" y="1210056"/>
                  </a:lnTo>
                  <a:lnTo>
                    <a:pt x="1165856" y="1209268"/>
                  </a:lnTo>
                  <a:lnTo>
                    <a:pt x="1103437" y="1206932"/>
                  </a:lnTo>
                  <a:lnTo>
                    <a:pt x="1041925" y="1203084"/>
                  </a:lnTo>
                  <a:lnTo>
                    <a:pt x="981398" y="1197763"/>
                  </a:lnTo>
                  <a:lnTo>
                    <a:pt x="921933" y="1191007"/>
                  </a:lnTo>
                  <a:lnTo>
                    <a:pt x="863608" y="1182854"/>
                  </a:lnTo>
                  <a:lnTo>
                    <a:pt x="806498" y="1173341"/>
                  </a:lnTo>
                  <a:lnTo>
                    <a:pt x="750683" y="1162508"/>
                  </a:lnTo>
                  <a:lnTo>
                    <a:pt x="696238" y="1150391"/>
                  </a:lnTo>
                  <a:lnTo>
                    <a:pt x="643241" y="1137030"/>
                  </a:lnTo>
                  <a:lnTo>
                    <a:pt x="591770" y="1122461"/>
                  </a:lnTo>
                  <a:lnTo>
                    <a:pt x="541901" y="1106723"/>
                  </a:lnTo>
                  <a:lnTo>
                    <a:pt x="493712" y="1089855"/>
                  </a:lnTo>
                  <a:lnTo>
                    <a:pt x="447281" y="1071893"/>
                  </a:lnTo>
                  <a:lnTo>
                    <a:pt x="402683" y="1052876"/>
                  </a:lnTo>
                  <a:lnTo>
                    <a:pt x="359997" y="1032843"/>
                  </a:lnTo>
                  <a:lnTo>
                    <a:pt x="319299" y="1011830"/>
                  </a:lnTo>
                  <a:lnTo>
                    <a:pt x="280668" y="989877"/>
                  </a:lnTo>
                  <a:lnTo>
                    <a:pt x="244180" y="967021"/>
                  </a:lnTo>
                  <a:lnTo>
                    <a:pt x="209912" y="943300"/>
                  </a:lnTo>
                  <a:lnTo>
                    <a:pt x="177942" y="918752"/>
                  </a:lnTo>
                  <a:lnTo>
                    <a:pt x="148346" y="893415"/>
                  </a:lnTo>
                  <a:lnTo>
                    <a:pt x="96589" y="840527"/>
                  </a:lnTo>
                  <a:lnTo>
                    <a:pt x="55258" y="784940"/>
                  </a:lnTo>
                  <a:lnTo>
                    <a:pt x="24971" y="726959"/>
                  </a:lnTo>
                  <a:lnTo>
                    <a:pt x="6345" y="666886"/>
                  </a:lnTo>
                  <a:lnTo>
                    <a:pt x="0" y="605027"/>
                  </a:lnTo>
                  <a:close/>
                </a:path>
              </a:pathLst>
            </a:custGeom>
            <a:ln w="57911">
              <a:solidFill>
                <a:srgbClr val="7E5F00"/>
              </a:solidFill>
            </a:ln>
          </p:spPr>
          <p:txBody>
            <a:bodyPr wrap="square" lIns="0" tIns="0" rIns="0" bIns="0" rtlCol="0"/>
            <a:lstStyle/>
            <a:p>
              <a:endParaRPr/>
            </a:p>
          </p:txBody>
        </p:sp>
        <p:sp>
          <p:nvSpPr>
            <p:cNvPr id="46" name="object 46"/>
            <p:cNvSpPr/>
            <p:nvPr/>
          </p:nvSpPr>
          <p:spPr>
            <a:xfrm>
              <a:off x="858011" y="5164835"/>
              <a:ext cx="2776855" cy="1336675"/>
            </a:xfrm>
            <a:custGeom>
              <a:avLst/>
              <a:gdLst/>
              <a:ahLst/>
              <a:cxnLst/>
              <a:rect l="l" t="t" r="r" b="b"/>
              <a:pathLst>
                <a:path w="2776854" h="1336675">
                  <a:moveTo>
                    <a:pt x="2167128" y="643889"/>
                  </a:moveTo>
                  <a:lnTo>
                    <a:pt x="2168523" y="581880"/>
                  </a:lnTo>
                  <a:lnTo>
                    <a:pt x="2172626" y="521538"/>
                  </a:lnTo>
                  <a:lnTo>
                    <a:pt x="2179307" y="463134"/>
                  </a:lnTo>
                  <a:lnTo>
                    <a:pt x="2188438" y="406936"/>
                  </a:lnTo>
                  <a:lnTo>
                    <a:pt x="2199892" y="353215"/>
                  </a:lnTo>
                  <a:lnTo>
                    <a:pt x="2213541" y="302241"/>
                  </a:lnTo>
                  <a:lnTo>
                    <a:pt x="2229256" y="254284"/>
                  </a:lnTo>
                  <a:lnTo>
                    <a:pt x="2246910" y="209613"/>
                  </a:lnTo>
                  <a:lnTo>
                    <a:pt x="2266375" y="168499"/>
                  </a:lnTo>
                  <a:lnTo>
                    <a:pt x="2287523" y="131211"/>
                  </a:lnTo>
                  <a:lnTo>
                    <a:pt x="2310225" y="98019"/>
                  </a:lnTo>
                  <a:lnTo>
                    <a:pt x="2359783" y="45003"/>
                  </a:lnTo>
                  <a:lnTo>
                    <a:pt x="2414025" y="11610"/>
                  </a:lnTo>
                  <a:lnTo>
                    <a:pt x="2471928" y="0"/>
                  </a:lnTo>
                  <a:lnTo>
                    <a:pt x="2501272" y="2947"/>
                  </a:lnTo>
                  <a:lnTo>
                    <a:pt x="2557472" y="25719"/>
                  </a:lnTo>
                  <a:lnTo>
                    <a:pt x="2609500" y="69193"/>
                  </a:lnTo>
                  <a:lnTo>
                    <a:pt x="2656332" y="131211"/>
                  </a:lnTo>
                  <a:lnTo>
                    <a:pt x="2677480" y="168499"/>
                  </a:lnTo>
                  <a:lnTo>
                    <a:pt x="2696945" y="209613"/>
                  </a:lnTo>
                  <a:lnTo>
                    <a:pt x="2714599" y="254284"/>
                  </a:lnTo>
                  <a:lnTo>
                    <a:pt x="2730314" y="302241"/>
                  </a:lnTo>
                  <a:lnTo>
                    <a:pt x="2743963" y="353215"/>
                  </a:lnTo>
                  <a:lnTo>
                    <a:pt x="2755417" y="406936"/>
                  </a:lnTo>
                  <a:lnTo>
                    <a:pt x="2764548" y="463134"/>
                  </a:lnTo>
                  <a:lnTo>
                    <a:pt x="2771229" y="521538"/>
                  </a:lnTo>
                  <a:lnTo>
                    <a:pt x="2775332" y="581880"/>
                  </a:lnTo>
                  <a:lnTo>
                    <a:pt x="2776728" y="643889"/>
                  </a:lnTo>
                  <a:lnTo>
                    <a:pt x="2775332" y="705901"/>
                  </a:lnTo>
                  <a:lnTo>
                    <a:pt x="2771229" y="766244"/>
                  </a:lnTo>
                  <a:lnTo>
                    <a:pt x="2764548" y="824650"/>
                  </a:lnTo>
                  <a:lnTo>
                    <a:pt x="2755417" y="880848"/>
                  </a:lnTo>
                  <a:lnTo>
                    <a:pt x="2743963" y="934569"/>
                  </a:lnTo>
                  <a:lnTo>
                    <a:pt x="2730314" y="985543"/>
                  </a:lnTo>
                  <a:lnTo>
                    <a:pt x="2714599" y="1033501"/>
                  </a:lnTo>
                  <a:lnTo>
                    <a:pt x="2696945" y="1078171"/>
                  </a:lnTo>
                  <a:lnTo>
                    <a:pt x="2677480" y="1119285"/>
                  </a:lnTo>
                  <a:lnTo>
                    <a:pt x="2656332" y="1156572"/>
                  </a:lnTo>
                  <a:lnTo>
                    <a:pt x="2633630" y="1189763"/>
                  </a:lnTo>
                  <a:lnTo>
                    <a:pt x="2584072" y="1242778"/>
                  </a:lnTo>
                  <a:lnTo>
                    <a:pt x="2529830" y="1276169"/>
                  </a:lnTo>
                  <a:lnTo>
                    <a:pt x="2471928" y="1287780"/>
                  </a:lnTo>
                  <a:lnTo>
                    <a:pt x="2442583" y="1284832"/>
                  </a:lnTo>
                  <a:lnTo>
                    <a:pt x="2386383" y="1262061"/>
                  </a:lnTo>
                  <a:lnTo>
                    <a:pt x="2334355" y="1218588"/>
                  </a:lnTo>
                  <a:lnTo>
                    <a:pt x="2287523" y="1156572"/>
                  </a:lnTo>
                  <a:lnTo>
                    <a:pt x="2266375" y="1119285"/>
                  </a:lnTo>
                  <a:lnTo>
                    <a:pt x="2246910" y="1078171"/>
                  </a:lnTo>
                  <a:lnTo>
                    <a:pt x="2229256" y="1033501"/>
                  </a:lnTo>
                  <a:lnTo>
                    <a:pt x="2213541" y="985543"/>
                  </a:lnTo>
                  <a:lnTo>
                    <a:pt x="2199892" y="934569"/>
                  </a:lnTo>
                  <a:lnTo>
                    <a:pt x="2188438" y="880848"/>
                  </a:lnTo>
                  <a:lnTo>
                    <a:pt x="2179307" y="824650"/>
                  </a:lnTo>
                  <a:lnTo>
                    <a:pt x="2172626" y="766244"/>
                  </a:lnTo>
                  <a:lnTo>
                    <a:pt x="2168523" y="705901"/>
                  </a:lnTo>
                  <a:lnTo>
                    <a:pt x="2167128" y="643889"/>
                  </a:lnTo>
                  <a:close/>
                </a:path>
                <a:path w="2776854" h="1336675">
                  <a:moveTo>
                    <a:pt x="1135380" y="693419"/>
                  </a:moveTo>
                  <a:lnTo>
                    <a:pt x="1136772" y="631477"/>
                  </a:lnTo>
                  <a:lnTo>
                    <a:pt x="1140863" y="571202"/>
                  </a:lnTo>
                  <a:lnTo>
                    <a:pt x="1147525" y="512863"/>
                  </a:lnTo>
                  <a:lnTo>
                    <a:pt x="1156632" y="456730"/>
                  </a:lnTo>
                  <a:lnTo>
                    <a:pt x="1168055" y="403072"/>
                  </a:lnTo>
                  <a:lnTo>
                    <a:pt x="1181667" y="352158"/>
                  </a:lnTo>
                  <a:lnTo>
                    <a:pt x="1197341" y="304258"/>
                  </a:lnTo>
                  <a:lnTo>
                    <a:pt x="1214949" y="259641"/>
                  </a:lnTo>
                  <a:lnTo>
                    <a:pt x="1234363" y="218577"/>
                  </a:lnTo>
                  <a:lnTo>
                    <a:pt x="1255457" y="181335"/>
                  </a:lnTo>
                  <a:lnTo>
                    <a:pt x="1278102" y="148185"/>
                  </a:lnTo>
                  <a:lnTo>
                    <a:pt x="1327537" y="95237"/>
                  </a:lnTo>
                  <a:lnTo>
                    <a:pt x="1381649" y="61887"/>
                  </a:lnTo>
                  <a:lnTo>
                    <a:pt x="1439418" y="50291"/>
                  </a:lnTo>
                  <a:lnTo>
                    <a:pt x="1468695" y="53235"/>
                  </a:lnTo>
                  <a:lnTo>
                    <a:pt x="1524763" y="75977"/>
                  </a:lnTo>
                  <a:lnTo>
                    <a:pt x="1576664" y="119396"/>
                  </a:lnTo>
                  <a:lnTo>
                    <a:pt x="1623378" y="181335"/>
                  </a:lnTo>
                  <a:lnTo>
                    <a:pt x="1644472" y="218577"/>
                  </a:lnTo>
                  <a:lnTo>
                    <a:pt x="1663886" y="259641"/>
                  </a:lnTo>
                  <a:lnTo>
                    <a:pt x="1681494" y="304258"/>
                  </a:lnTo>
                  <a:lnTo>
                    <a:pt x="1697168" y="352158"/>
                  </a:lnTo>
                  <a:lnTo>
                    <a:pt x="1710780" y="403072"/>
                  </a:lnTo>
                  <a:lnTo>
                    <a:pt x="1722203" y="456730"/>
                  </a:lnTo>
                  <a:lnTo>
                    <a:pt x="1731310" y="512863"/>
                  </a:lnTo>
                  <a:lnTo>
                    <a:pt x="1737972" y="571202"/>
                  </a:lnTo>
                  <a:lnTo>
                    <a:pt x="1742063" y="631477"/>
                  </a:lnTo>
                  <a:lnTo>
                    <a:pt x="1743456" y="693419"/>
                  </a:lnTo>
                  <a:lnTo>
                    <a:pt x="1742063" y="755358"/>
                  </a:lnTo>
                  <a:lnTo>
                    <a:pt x="1737972" y="815630"/>
                  </a:lnTo>
                  <a:lnTo>
                    <a:pt x="1731310" y="873967"/>
                  </a:lnTo>
                  <a:lnTo>
                    <a:pt x="1722203" y="930099"/>
                  </a:lnTo>
                  <a:lnTo>
                    <a:pt x="1710780" y="983756"/>
                  </a:lnTo>
                  <a:lnTo>
                    <a:pt x="1697168" y="1034670"/>
                  </a:lnTo>
                  <a:lnTo>
                    <a:pt x="1681494" y="1082570"/>
                  </a:lnTo>
                  <a:lnTo>
                    <a:pt x="1663886" y="1127188"/>
                  </a:lnTo>
                  <a:lnTo>
                    <a:pt x="1644472" y="1168253"/>
                  </a:lnTo>
                  <a:lnTo>
                    <a:pt x="1623378" y="1205496"/>
                  </a:lnTo>
                  <a:lnTo>
                    <a:pt x="1600733" y="1238648"/>
                  </a:lnTo>
                  <a:lnTo>
                    <a:pt x="1551298" y="1291599"/>
                  </a:lnTo>
                  <a:lnTo>
                    <a:pt x="1497186" y="1324951"/>
                  </a:lnTo>
                  <a:lnTo>
                    <a:pt x="1439418" y="1336548"/>
                  </a:lnTo>
                  <a:lnTo>
                    <a:pt x="1410140" y="1333603"/>
                  </a:lnTo>
                  <a:lnTo>
                    <a:pt x="1354072" y="1310860"/>
                  </a:lnTo>
                  <a:lnTo>
                    <a:pt x="1302171" y="1267439"/>
                  </a:lnTo>
                  <a:lnTo>
                    <a:pt x="1255457" y="1205496"/>
                  </a:lnTo>
                  <a:lnTo>
                    <a:pt x="1234363" y="1168253"/>
                  </a:lnTo>
                  <a:lnTo>
                    <a:pt x="1214949" y="1127188"/>
                  </a:lnTo>
                  <a:lnTo>
                    <a:pt x="1197341" y="1082570"/>
                  </a:lnTo>
                  <a:lnTo>
                    <a:pt x="1181667" y="1034670"/>
                  </a:lnTo>
                  <a:lnTo>
                    <a:pt x="1168055" y="983756"/>
                  </a:lnTo>
                  <a:lnTo>
                    <a:pt x="1156632" y="930099"/>
                  </a:lnTo>
                  <a:lnTo>
                    <a:pt x="1147525" y="873967"/>
                  </a:lnTo>
                  <a:lnTo>
                    <a:pt x="1140863" y="815630"/>
                  </a:lnTo>
                  <a:lnTo>
                    <a:pt x="1136772" y="755358"/>
                  </a:lnTo>
                  <a:lnTo>
                    <a:pt x="1135380" y="693419"/>
                  </a:lnTo>
                  <a:close/>
                </a:path>
                <a:path w="2776854" h="1336675">
                  <a:moveTo>
                    <a:pt x="0" y="665988"/>
                  </a:moveTo>
                  <a:lnTo>
                    <a:pt x="1395" y="604045"/>
                  </a:lnTo>
                  <a:lnTo>
                    <a:pt x="5495" y="543770"/>
                  </a:lnTo>
                  <a:lnTo>
                    <a:pt x="12174" y="485431"/>
                  </a:lnTo>
                  <a:lnTo>
                    <a:pt x="21302" y="429298"/>
                  </a:lnTo>
                  <a:lnTo>
                    <a:pt x="32752" y="375640"/>
                  </a:lnTo>
                  <a:lnTo>
                    <a:pt x="46397" y="324726"/>
                  </a:lnTo>
                  <a:lnTo>
                    <a:pt x="62109" y="276826"/>
                  </a:lnTo>
                  <a:lnTo>
                    <a:pt x="79760" y="232209"/>
                  </a:lnTo>
                  <a:lnTo>
                    <a:pt x="99222" y="191145"/>
                  </a:lnTo>
                  <a:lnTo>
                    <a:pt x="120368" y="153903"/>
                  </a:lnTo>
                  <a:lnTo>
                    <a:pt x="143069" y="120753"/>
                  </a:lnTo>
                  <a:lnTo>
                    <a:pt x="192629" y="67805"/>
                  </a:lnTo>
                  <a:lnTo>
                    <a:pt x="246880" y="34455"/>
                  </a:lnTo>
                  <a:lnTo>
                    <a:pt x="304800" y="22859"/>
                  </a:lnTo>
                  <a:lnTo>
                    <a:pt x="334144" y="25803"/>
                  </a:lnTo>
                  <a:lnTo>
                    <a:pt x="390344" y="48545"/>
                  </a:lnTo>
                  <a:lnTo>
                    <a:pt x="442372" y="91964"/>
                  </a:lnTo>
                  <a:lnTo>
                    <a:pt x="489204" y="153903"/>
                  </a:lnTo>
                  <a:lnTo>
                    <a:pt x="510352" y="191145"/>
                  </a:lnTo>
                  <a:lnTo>
                    <a:pt x="529817" y="232209"/>
                  </a:lnTo>
                  <a:lnTo>
                    <a:pt x="547471" y="276826"/>
                  </a:lnTo>
                  <a:lnTo>
                    <a:pt x="563186" y="324726"/>
                  </a:lnTo>
                  <a:lnTo>
                    <a:pt x="576835" y="375640"/>
                  </a:lnTo>
                  <a:lnTo>
                    <a:pt x="588289" y="429298"/>
                  </a:lnTo>
                  <a:lnTo>
                    <a:pt x="597420" y="485431"/>
                  </a:lnTo>
                  <a:lnTo>
                    <a:pt x="604101" y="543770"/>
                  </a:lnTo>
                  <a:lnTo>
                    <a:pt x="608204" y="604045"/>
                  </a:lnTo>
                  <a:lnTo>
                    <a:pt x="609600" y="665988"/>
                  </a:lnTo>
                  <a:lnTo>
                    <a:pt x="608204" y="727926"/>
                  </a:lnTo>
                  <a:lnTo>
                    <a:pt x="604101" y="788198"/>
                  </a:lnTo>
                  <a:lnTo>
                    <a:pt x="597420" y="846535"/>
                  </a:lnTo>
                  <a:lnTo>
                    <a:pt x="588289" y="902667"/>
                  </a:lnTo>
                  <a:lnTo>
                    <a:pt x="576835" y="956324"/>
                  </a:lnTo>
                  <a:lnTo>
                    <a:pt x="563186" y="1007238"/>
                  </a:lnTo>
                  <a:lnTo>
                    <a:pt x="547471" y="1055138"/>
                  </a:lnTo>
                  <a:lnTo>
                    <a:pt x="529817" y="1099756"/>
                  </a:lnTo>
                  <a:lnTo>
                    <a:pt x="510352" y="1140821"/>
                  </a:lnTo>
                  <a:lnTo>
                    <a:pt x="489204" y="1178064"/>
                  </a:lnTo>
                  <a:lnTo>
                    <a:pt x="466502" y="1211216"/>
                  </a:lnTo>
                  <a:lnTo>
                    <a:pt x="416944" y="1264167"/>
                  </a:lnTo>
                  <a:lnTo>
                    <a:pt x="362702" y="1297519"/>
                  </a:lnTo>
                  <a:lnTo>
                    <a:pt x="304800" y="1309116"/>
                  </a:lnTo>
                  <a:lnTo>
                    <a:pt x="275445" y="1306171"/>
                  </a:lnTo>
                  <a:lnTo>
                    <a:pt x="219232" y="1283428"/>
                  </a:lnTo>
                  <a:lnTo>
                    <a:pt x="167199" y="1240007"/>
                  </a:lnTo>
                  <a:lnTo>
                    <a:pt x="120368" y="1178064"/>
                  </a:lnTo>
                  <a:lnTo>
                    <a:pt x="99222" y="1140821"/>
                  </a:lnTo>
                  <a:lnTo>
                    <a:pt x="79760" y="1099756"/>
                  </a:lnTo>
                  <a:lnTo>
                    <a:pt x="62109" y="1055138"/>
                  </a:lnTo>
                  <a:lnTo>
                    <a:pt x="46397" y="1007238"/>
                  </a:lnTo>
                  <a:lnTo>
                    <a:pt x="32752" y="956324"/>
                  </a:lnTo>
                  <a:lnTo>
                    <a:pt x="21302" y="902667"/>
                  </a:lnTo>
                  <a:lnTo>
                    <a:pt x="12174" y="846535"/>
                  </a:lnTo>
                  <a:lnTo>
                    <a:pt x="5495" y="788198"/>
                  </a:lnTo>
                  <a:lnTo>
                    <a:pt x="1395" y="727926"/>
                  </a:lnTo>
                  <a:lnTo>
                    <a:pt x="0" y="665988"/>
                  </a:lnTo>
                  <a:close/>
                </a:path>
              </a:pathLst>
            </a:custGeom>
            <a:ln w="57912">
              <a:solidFill>
                <a:srgbClr val="FF0000"/>
              </a:solidFill>
              <a:prstDash val="sysDash"/>
            </a:ln>
          </p:spPr>
          <p:txBody>
            <a:bodyPr wrap="square" lIns="0" tIns="0" rIns="0" bIns="0" rtlCol="0"/>
            <a:lstStyle/>
            <a:p>
              <a:endParaRPr/>
            </a:p>
          </p:txBody>
        </p:sp>
      </p:grpSp>
      <p:sp>
        <p:nvSpPr>
          <p:cNvPr id="47" name="object 47"/>
          <p:cNvSpPr txBox="1"/>
          <p:nvPr/>
        </p:nvSpPr>
        <p:spPr>
          <a:xfrm>
            <a:off x="6113749" y="6345732"/>
            <a:ext cx="4603750" cy="300355"/>
          </a:xfrm>
          <a:prstGeom prst="rect">
            <a:avLst/>
          </a:prstGeom>
        </p:spPr>
        <p:txBody>
          <a:bodyPr vert="horz" wrap="square" lIns="0" tIns="12700" rIns="0" bIns="0" rtlCol="0">
            <a:spAutoFit/>
          </a:bodyPr>
          <a:lstStyle/>
          <a:p>
            <a:pPr marL="12700">
              <a:spcBef>
                <a:spcPts val="100"/>
              </a:spcBef>
            </a:pPr>
            <a:r>
              <a:rPr b="1" spc="-10" dirty="0">
                <a:latin typeface="Century Gothic"/>
                <a:cs typeface="Century Gothic"/>
              </a:rPr>
              <a:t>→</a:t>
            </a:r>
            <a:r>
              <a:rPr b="1" spc="-5" dirty="0">
                <a:latin typeface="メイリオ"/>
                <a:cs typeface="メイリオ"/>
              </a:rPr>
              <a:t>入力されたデータの分類、予測などが可能</a:t>
            </a:r>
            <a:endParaRPr>
              <a:latin typeface="メイリオ"/>
              <a:cs typeface="メイリオ"/>
            </a:endParaRPr>
          </a:p>
        </p:txBody>
      </p:sp>
      <p:sp>
        <p:nvSpPr>
          <p:cNvPr id="52" name="正方形/長方形 51">
            <a:extLst>
              <a:ext uri="{FF2B5EF4-FFF2-40B4-BE49-F238E27FC236}">
                <a16:creationId xmlns:a16="http://schemas.microsoft.com/office/drawing/2014/main" id="{94147902-7C35-DEC7-1CEF-512BFB077B24}"/>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ニューラルネットワーク</a:t>
            </a:r>
          </a:p>
        </p:txBody>
      </p:sp>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txBox="1"/>
          <p:nvPr/>
        </p:nvSpPr>
        <p:spPr>
          <a:xfrm>
            <a:off x="7828607" y="4800411"/>
            <a:ext cx="4363394" cy="310341"/>
          </a:xfrm>
          <a:prstGeom prst="rect">
            <a:avLst/>
          </a:prstGeom>
        </p:spPr>
        <p:txBody>
          <a:bodyPr vert="horz" wrap="square" lIns="0" tIns="12700" rIns="0" bIns="0" rtlCol="0">
            <a:spAutoFit/>
          </a:bodyPr>
          <a:lstStyle/>
          <a:p>
            <a:pPr marL="12700" marR="5080">
              <a:spcBef>
                <a:spcPts val="100"/>
              </a:spcBef>
            </a:pPr>
            <a:r>
              <a:rPr sz="800" dirty="0">
                <a:latin typeface="メイリオ"/>
                <a:cs typeface="メイリオ"/>
              </a:rPr>
              <a:t>※1</a:t>
            </a:r>
            <a:r>
              <a:rPr sz="800" spc="-10" dirty="0">
                <a:latin typeface="メイリオ"/>
                <a:cs typeface="メイリオ"/>
              </a:rPr>
              <a:t> </a:t>
            </a:r>
            <a:r>
              <a:rPr sz="800" dirty="0">
                <a:latin typeface="メイリオ"/>
                <a:cs typeface="メイリオ"/>
              </a:rPr>
              <a:t>H. Jeager,</a:t>
            </a:r>
            <a:r>
              <a:rPr sz="800" spc="-50" dirty="0">
                <a:latin typeface="メイリオ"/>
                <a:cs typeface="メイリオ"/>
              </a:rPr>
              <a:t> </a:t>
            </a:r>
            <a:r>
              <a:rPr sz="800" dirty="0">
                <a:latin typeface="メイリオ"/>
                <a:cs typeface="メイリオ"/>
              </a:rPr>
              <a:t>“Tutorial</a:t>
            </a:r>
            <a:r>
              <a:rPr sz="800" spc="-25" dirty="0">
                <a:latin typeface="メイリオ"/>
                <a:cs typeface="メイリオ"/>
              </a:rPr>
              <a:t> </a:t>
            </a:r>
            <a:r>
              <a:rPr sz="800" dirty="0">
                <a:latin typeface="メイリオ"/>
                <a:cs typeface="メイリオ"/>
              </a:rPr>
              <a:t>on</a:t>
            </a:r>
            <a:r>
              <a:rPr sz="800" spc="10" dirty="0">
                <a:latin typeface="メイリオ"/>
                <a:cs typeface="メイリオ"/>
              </a:rPr>
              <a:t> </a:t>
            </a:r>
            <a:r>
              <a:rPr sz="800" dirty="0">
                <a:latin typeface="メイリオ"/>
                <a:cs typeface="メイリオ"/>
              </a:rPr>
              <a:t>training</a:t>
            </a:r>
            <a:r>
              <a:rPr sz="800" spc="-20" dirty="0">
                <a:latin typeface="メイリオ"/>
                <a:cs typeface="メイリオ"/>
              </a:rPr>
              <a:t> </a:t>
            </a:r>
            <a:r>
              <a:rPr sz="800" dirty="0">
                <a:latin typeface="メイリオ"/>
                <a:cs typeface="メイリオ"/>
              </a:rPr>
              <a:t>recurrent</a:t>
            </a:r>
            <a:r>
              <a:rPr sz="800" spc="-45" dirty="0">
                <a:latin typeface="メイリオ"/>
                <a:cs typeface="メイリオ"/>
              </a:rPr>
              <a:t> </a:t>
            </a:r>
            <a:r>
              <a:rPr sz="800" spc="-10" dirty="0">
                <a:latin typeface="メイリオ"/>
                <a:cs typeface="メイリオ"/>
              </a:rPr>
              <a:t>network”, </a:t>
            </a:r>
            <a:r>
              <a:rPr sz="800" dirty="0">
                <a:latin typeface="メイリオ"/>
                <a:cs typeface="メイリオ"/>
              </a:rPr>
              <a:t>GMD</a:t>
            </a:r>
            <a:r>
              <a:rPr sz="800" spc="-5" dirty="0">
                <a:latin typeface="メイリオ"/>
                <a:cs typeface="メイリオ"/>
              </a:rPr>
              <a:t> </a:t>
            </a:r>
            <a:r>
              <a:rPr sz="800" dirty="0">
                <a:latin typeface="メイリオ"/>
                <a:cs typeface="メイリオ"/>
              </a:rPr>
              <a:t>report,</a:t>
            </a:r>
            <a:r>
              <a:rPr sz="800" spc="-30" dirty="0">
                <a:latin typeface="メイリオ"/>
                <a:cs typeface="メイリオ"/>
              </a:rPr>
              <a:t> </a:t>
            </a:r>
            <a:r>
              <a:rPr sz="800" b="1" spc="-10" dirty="0">
                <a:latin typeface="メイリオ"/>
                <a:cs typeface="メイリオ"/>
              </a:rPr>
              <a:t>159</a:t>
            </a:r>
            <a:r>
              <a:rPr sz="800" spc="-10" dirty="0">
                <a:latin typeface="メイリオ"/>
                <a:cs typeface="メイリオ"/>
              </a:rPr>
              <a:t>(2002)</a:t>
            </a:r>
            <a:endParaRPr sz="800" dirty="0">
              <a:latin typeface="メイリオ"/>
              <a:cs typeface="メイリオ"/>
            </a:endParaRPr>
          </a:p>
          <a:p>
            <a:pPr marL="24765">
              <a:spcBef>
                <a:spcPts val="415"/>
              </a:spcBef>
            </a:pPr>
            <a:r>
              <a:rPr sz="800" dirty="0">
                <a:latin typeface="ＭＳ ゴシック"/>
                <a:cs typeface="ＭＳ ゴシック"/>
              </a:rPr>
              <a:t>※</a:t>
            </a:r>
            <a:r>
              <a:rPr sz="800" dirty="0">
                <a:latin typeface="Century Gothic"/>
                <a:cs typeface="Century Gothic"/>
              </a:rPr>
              <a:t>2</a:t>
            </a:r>
            <a:r>
              <a:rPr sz="800" spc="-10" dirty="0">
                <a:latin typeface="Century Gothic"/>
                <a:cs typeface="Century Gothic"/>
              </a:rPr>
              <a:t> </a:t>
            </a:r>
            <a:r>
              <a:rPr sz="800" dirty="0">
                <a:latin typeface="Century Gothic"/>
                <a:cs typeface="Century Gothic"/>
              </a:rPr>
              <a:t>C.</a:t>
            </a:r>
            <a:r>
              <a:rPr sz="800" spc="20" dirty="0">
                <a:latin typeface="Century Gothic"/>
                <a:cs typeface="Century Gothic"/>
              </a:rPr>
              <a:t> </a:t>
            </a:r>
            <a:r>
              <a:rPr sz="800" dirty="0">
                <a:latin typeface="Century Gothic"/>
                <a:cs typeface="Century Gothic"/>
              </a:rPr>
              <a:t>Szegedy et</a:t>
            </a:r>
            <a:r>
              <a:rPr sz="800" spc="15" dirty="0">
                <a:latin typeface="Century Gothic"/>
                <a:cs typeface="Century Gothic"/>
              </a:rPr>
              <a:t> </a:t>
            </a:r>
            <a:r>
              <a:rPr sz="800" dirty="0">
                <a:latin typeface="Century Gothic"/>
                <a:cs typeface="Century Gothic"/>
              </a:rPr>
              <a:t>al.,</a:t>
            </a:r>
            <a:r>
              <a:rPr sz="800" spc="5" dirty="0">
                <a:latin typeface="Century Gothic"/>
                <a:cs typeface="Century Gothic"/>
              </a:rPr>
              <a:t> </a:t>
            </a:r>
            <a:r>
              <a:rPr sz="800" b="1" spc="-10" dirty="0">
                <a:latin typeface="Century Gothic"/>
                <a:cs typeface="Century Gothic"/>
              </a:rPr>
              <a:t>arXiv</a:t>
            </a:r>
            <a:r>
              <a:rPr sz="800" spc="-10" dirty="0">
                <a:latin typeface="Century Gothic"/>
                <a:cs typeface="Century Gothic"/>
              </a:rPr>
              <a:t>:1409.4842</a:t>
            </a:r>
            <a:r>
              <a:rPr sz="800" spc="-40" dirty="0">
                <a:latin typeface="Century Gothic"/>
                <a:cs typeface="Century Gothic"/>
              </a:rPr>
              <a:t> </a:t>
            </a:r>
            <a:r>
              <a:rPr sz="800" dirty="0">
                <a:latin typeface="Century Gothic"/>
                <a:cs typeface="Century Gothic"/>
              </a:rPr>
              <a:t>v2</a:t>
            </a:r>
            <a:r>
              <a:rPr sz="800" spc="-10" dirty="0">
                <a:latin typeface="Century Gothic"/>
                <a:cs typeface="Century Gothic"/>
              </a:rPr>
              <a:t> (2014)</a:t>
            </a:r>
            <a:endParaRPr sz="800" dirty="0">
              <a:latin typeface="Century Gothic"/>
              <a:cs typeface="Century Gothic"/>
            </a:endParaRPr>
          </a:p>
        </p:txBody>
      </p:sp>
      <p:sp>
        <p:nvSpPr>
          <p:cNvPr id="5" name="object 5"/>
          <p:cNvSpPr txBox="1"/>
          <p:nvPr/>
        </p:nvSpPr>
        <p:spPr>
          <a:xfrm>
            <a:off x="7840352" y="5169912"/>
            <a:ext cx="2522782" cy="135935"/>
          </a:xfrm>
          <a:prstGeom prst="rect">
            <a:avLst/>
          </a:prstGeom>
        </p:spPr>
        <p:txBody>
          <a:bodyPr vert="horz" wrap="square" lIns="0" tIns="12700" rIns="0" bIns="0" rtlCol="0">
            <a:spAutoFit/>
          </a:bodyPr>
          <a:lstStyle/>
          <a:p>
            <a:pPr marL="38100">
              <a:spcBef>
                <a:spcPts val="100"/>
              </a:spcBef>
            </a:pPr>
            <a:r>
              <a:rPr lang="en-US" sz="800" dirty="0">
                <a:latin typeface="ＭＳ ゴシック"/>
                <a:cs typeface="ＭＳ ゴシック"/>
              </a:rPr>
              <a:t>※</a:t>
            </a:r>
            <a:r>
              <a:rPr lang="en-US" sz="800" dirty="0">
                <a:latin typeface="Century Gothic"/>
                <a:cs typeface="Century Gothic"/>
              </a:rPr>
              <a:t>3</a:t>
            </a:r>
            <a:r>
              <a:rPr lang="en-US" sz="800" spc="-20" dirty="0">
                <a:latin typeface="Century Gothic"/>
                <a:cs typeface="Century Gothic"/>
              </a:rPr>
              <a:t> </a:t>
            </a:r>
            <a:r>
              <a:rPr lang="en-US" sz="800" dirty="0">
                <a:latin typeface="Century Gothic"/>
                <a:cs typeface="Century Gothic"/>
              </a:rPr>
              <a:t>O</a:t>
            </a:r>
            <a:r>
              <a:rPr lang="en-US" sz="800" spc="5" dirty="0">
                <a:latin typeface="Century Gothic"/>
                <a:cs typeface="Century Gothic"/>
              </a:rPr>
              <a:t>. </a:t>
            </a:r>
            <a:r>
              <a:rPr lang="en-US" sz="800" dirty="0" err="1">
                <a:latin typeface="Century Gothic"/>
                <a:cs typeface="Century Gothic"/>
              </a:rPr>
              <a:t>Vinyals</a:t>
            </a:r>
            <a:r>
              <a:rPr lang="en-US" sz="800" spc="-40" dirty="0">
                <a:latin typeface="Century Gothic"/>
                <a:cs typeface="Century Gothic"/>
              </a:rPr>
              <a:t> </a:t>
            </a:r>
            <a:r>
              <a:rPr lang="en-US" sz="800" dirty="0">
                <a:latin typeface="Century Gothic"/>
                <a:cs typeface="Century Gothic"/>
              </a:rPr>
              <a:t>et</a:t>
            </a:r>
            <a:r>
              <a:rPr lang="en-US" sz="800" spc="5" dirty="0">
                <a:latin typeface="Century Gothic"/>
                <a:cs typeface="Century Gothic"/>
              </a:rPr>
              <a:t> </a:t>
            </a:r>
            <a:r>
              <a:rPr lang="en-US" sz="800" dirty="0">
                <a:latin typeface="Century Gothic"/>
                <a:cs typeface="Century Gothic"/>
              </a:rPr>
              <a:t>al</a:t>
            </a:r>
            <a:r>
              <a:rPr lang="en-US" sz="800" spc="-5" dirty="0">
                <a:latin typeface="Century Gothic"/>
                <a:cs typeface="Century Gothic"/>
              </a:rPr>
              <a:t>., </a:t>
            </a:r>
            <a:r>
              <a:rPr lang="en-US" sz="800" b="1" spc="-10" dirty="0">
                <a:latin typeface="Century Gothic"/>
                <a:cs typeface="Century Gothic"/>
              </a:rPr>
              <a:t>arXiv</a:t>
            </a:r>
            <a:r>
              <a:rPr lang="en-US" sz="800" spc="-10" dirty="0">
                <a:latin typeface="Century Gothic"/>
                <a:cs typeface="Century Gothic"/>
              </a:rPr>
              <a:t>:1506.05869v3(2015)</a:t>
            </a:r>
            <a:endParaRPr sz="800" dirty="0">
              <a:latin typeface="Century Gothic"/>
              <a:cs typeface="Century Gothic"/>
            </a:endParaRPr>
          </a:p>
        </p:txBody>
      </p:sp>
      <p:pic>
        <p:nvPicPr>
          <p:cNvPr id="6" name="object 6"/>
          <p:cNvPicPr/>
          <p:nvPr/>
        </p:nvPicPr>
        <p:blipFill>
          <a:blip r:embed="rId2" cstate="print"/>
          <a:stretch>
            <a:fillRect/>
          </a:stretch>
        </p:blipFill>
        <p:spPr>
          <a:xfrm>
            <a:off x="6345616" y="853999"/>
            <a:ext cx="4491228" cy="3316224"/>
          </a:xfrm>
          <a:prstGeom prst="rect">
            <a:avLst/>
          </a:prstGeom>
        </p:spPr>
      </p:pic>
      <p:sp>
        <p:nvSpPr>
          <p:cNvPr id="7" name="object 7"/>
          <p:cNvSpPr txBox="1"/>
          <p:nvPr/>
        </p:nvSpPr>
        <p:spPr>
          <a:xfrm>
            <a:off x="6450899" y="3108758"/>
            <a:ext cx="3912235" cy="299720"/>
          </a:xfrm>
          <a:prstGeom prst="rect">
            <a:avLst/>
          </a:prstGeom>
        </p:spPr>
        <p:txBody>
          <a:bodyPr vert="horz" wrap="square" lIns="0" tIns="12700" rIns="0" bIns="0" rtlCol="0">
            <a:spAutoFit/>
          </a:bodyPr>
          <a:lstStyle/>
          <a:p>
            <a:pPr marL="12700">
              <a:spcBef>
                <a:spcPts val="100"/>
              </a:spcBef>
            </a:pPr>
            <a:r>
              <a:rPr spc="-15" dirty="0">
                <a:latin typeface="メイリオ"/>
                <a:cs typeface="メイリオ"/>
              </a:rPr>
              <a:t>・フィードバック結合を持っている。</a:t>
            </a:r>
            <a:endParaRPr>
              <a:latin typeface="メイリオ"/>
              <a:cs typeface="メイリオ"/>
            </a:endParaRPr>
          </a:p>
        </p:txBody>
      </p:sp>
      <p:sp>
        <p:nvSpPr>
          <p:cNvPr id="8" name="object 8"/>
          <p:cNvSpPr txBox="1"/>
          <p:nvPr/>
        </p:nvSpPr>
        <p:spPr>
          <a:xfrm>
            <a:off x="6450899" y="3659176"/>
            <a:ext cx="4140835" cy="299720"/>
          </a:xfrm>
          <a:prstGeom prst="rect">
            <a:avLst/>
          </a:prstGeom>
        </p:spPr>
        <p:txBody>
          <a:bodyPr vert="horz" wrap="square" lIns="0" tIns="12700" rIns="0" bIns="0" rtlCol="0">
            <a:spAutoFit/>
          </a:bodyPr>
          <a:lstStyle/>
          <a:p>
            <a:pPr marL="12700">
              <a:spcBef>
                <a:spcPts val="100"/>
              </a:spcBef>
            </a:pPr>
            <a:r>
              <a:rPr b="1" spc="-35" dirty="0">
                <a:latin typeface="メイリオ"/>
                <a:cs typeface="メイリオ"/>
              </a:rPr>
              <a:t>・時間に依存するデータも取り扱える！</a:t>
            </a:r>
            <a:endParaRPr>
              <a:latin typeface="メイリオ"/>
              <a:cs typeface="メイリオ"/>
            </a:endParaRPr>
          </a:p>
        </p:txBody>
      </p:sp>
      <p:grpSp>
        <p:nvGrpSpPr>
          <p:cNvPr id="9" name="object 9"/>
          <p:cNvGrpSpPr/>
          <p:nvPr/>
        </p:nvGrpSpPr>
        <p:grpSpPr>
          <a:xfrm>
            <a:off x="6837868" y="879907"/>
            <a:ext cx="3484245" cy="2084070"/>
            <a:chOff x="5061203" y="1264919"/>
            <a:chExt cx="3484245" cy="2084070"/>
          </a:xfrm>
        </p:grpSpPr>
        <p:pic>
          <p:nvPicPr>
            <p:cNvPr id="10" name="object 10"/>
            <p:cNvPicPr/>
            <p:nvPr/>
          </p:nvPicPr>
          <p:blipFill>
            <a:blip r:embed="rId3" cstate="print"/>
            <a:stretch>
              <a:fillRect/>
            </a:stretch>
          </p:blipFill>
          <p:spPr>
            <a:xfrm>
              <a:off x="5061203" y="1264919"/>
              <a:ext cx="3483863" cy="2077212"/>
            </a:xfrm>
            <a:prstGeom prst="rect">
              <a:avLst/>
            </a:prstGeom>
          </p:spPr>
        </p:pic>
        <p:sp>
          <p:nvSpPr>
            <p:cNvPr id="11" name="object 11"/>
            <p:cNvSpPr/>
            <p:nvPr/>
          </p:nvSpPr>
          <p:spPr>
            <a:xfrm>
              <a:off x="5742431" y="1449323"/>
              <a:ext cx="1993900" cy="1892935"/>
            </a:xfrm>
            <a:custGeom>
              <a:avLst/>
              <a:gdLst/>
              <a:ahLst/>
              <a:cxnLst/>
              <a:rect l="l" t="t" r="r" b="b"/>
              <a:pathLst>
                <a:path w="1993900" h="1892935">
                  <a:moveTo>
                    <a:pt x="0" y="315467"/>
                  </a:moveTo>
                  <a:lnTo>
                    <a:pt x="3420" y="268846"/>
                  </a:lnTo>
                  <a:lnTo>
                    <a:pt x="13355" y="224350"/>
                  </a:lnTo>
                  <a:lnTo>
                    <a:pt x="29317" y="182467"/>
                  </a:lnTo>
                  <a:lnTo>
                    <a:pt x="50819" y="143685"/>
                  </a:lnTo>
                  <a:lnTo>
                    <a:pt x="77373" y="108491"/>
                  </a:lnTo>
                  <a:lnTo>
                    <a:pt x="108491" y="77373"/>
                  </a:lnTo>
                  <a:lnTo>
                    <a:pt x="143685" y="50819"/>
                  </a:lnTo>
                  <a:lnTo>
                    <a:pt x="182467" y="29317"/>
                  </a:lnTo>
                  <a:lnTo>
                    <a:pt x="224350" y="13355"/>
                  </a:lnTo>
                  <a:lnTo>
                    <a:pt x="268846" y="3420"/>
                  </a:lnTo>
                  <a:lnTo>
                    <a:pt x="315467" y="0"/>
                  </a:lnTo>
                  <a:lnTo>
                    <a:pt x="1677923" y="0"/>
                  </a:lnTo>
                  <a:lnTo>
                    <a:pt x="1724545" y="3420"/>
                  </a:lnTo>
                  <a:lnTo>
                    <a:pt x="1769041" y="13355"/>
                  </a:lnTo>
                  <a:lnTo>
                    <a:pt x="1810924" y="29317"/>
                  </a:lnTo>
                  <a:lnTo>
                    <a:pt x="1849706" y="50819"/>
                  </a:lnTo>
                  <a:lnTo>
                    <a:pt x="1884900" y="77373"/>
                  </a:lnTo>
                  <a:lnTo>
                    <a:pt x="1916018" y="108491"/>
                  </a:lnTo>
                  <a:lnTo>
                    <a:pt x="1942572" y="143685"/>
                  </a:lnTo>
                  <a:lnTo>
                    <a:pt x="1964074" y="182467"/>
                  </a:lnTo>
                  <a:lnTo>
                    <a:pt x="1980036" y="224350"/>
                  </a:lnTo>
                  <a:lnTo>
                    <a:pt x="1989971" y="268846"/>
                  </a:lnTo>
                  <a:lnTo>
                    <a:pt x="1993391" y="315467"/>
                  </a:lnTo>
                  <a:lnTo>
                    <a:pt x="1993391" y="1577339"/>
                  </a:lnTo>
                  <a:lnTo>
                    <a:pt x="1989971" y="1623961"/>
                  </a:lnTo>
                  <a:lnTo>
                    <a:pt x="1980036" y="1668457"/>
                  </a:lnTo>
                  <a:lnTo>
                    <a:pt x="1964074" y="1710340"/>
                  </a:lnTo>
                  <a:lnTo>
                    <a:pt x="1942572" y="1749122"/>
                  </a:lnTo>
                  <a:lnTo>
                    <a:pt x="1916018" y="1784316"/>
                  </a:lnTo>
                  <a:lnTo>
                    <a:pt x="1884900" y="1815434"/>
                  </a:lnTo>
                  <a:lnTo>
                    <a:pt x="1849706" y="1841988"/>
                  </a:lnTo>
                  <a:lnTo>
                    <a:pt x="1810924" y="1863490"/>
                  </a:lnTo>
                  <a:lnTo>
                    <a:pt x="1769041" y="1879452"/>
                  </a:lnTo>
                  <a:lnTo>
                    <a:pt x="1724545" y="1889387"/>
                  </a:lnTo>
                  <a:lnTo>
                    <a:pt x="1677923" y="1892808"/>
                  </a:lnTo>
                  <a:lnTo>
                    <a:pt x="315467" y="1892808"/>
                  </a:lnTo>
                  <a:lnTo>
                    <a:pt x="268846" y="1889387"/>
                  </a:lnTo>
                  <a:lnTo>
                    <a:pt x="224350" y="1879452"/>
                  </a:lnTo>
                  <a:lnTo>
                    <a:pt x="182467" y="1863490"/>
                  </a:lnTo>
                  <a:lnTo>
                    <a:pt x="143685" y="1841988"/>
                  </a:lnTo>
                  <a:lnTo>
                    <a:pt x="108491" y="1815434"/>
                  </a:lnTo>
                  <a:lnTo>
                    <a:pt x="77373" y="1784316"/>
                  </a:lnTo>
                  <a:lnTo>
                    <a:pt x="50819" y="1749122"/>
                  </a:lnTo>
                  <a:lnTo>
                    <a:pt x="29317" y="1710340"/>
                  </a:lnTo>
                  <a:lnTo>
                    <a:pt x="13355" y="1668457"/>
                  </a:lnTo>
                  <a:lnTo>
                    <a:pt x="3420" y="1623961"/>
                  </a:lnTo>
                  <a:lnTo>
                    <a:pt x="0" y="1577339"/>
                  </a:lnTo>
                  <a:lnTo>
                    <a:pt x="0" y="315467"/>
                  </a:lnTo>
                  <a:close/>
                </a:path>
              </a:pathLst>
            </a:custGeom>
            <a:ln w="12192">
              <a:solidFill>
                <a:srgbClr val="000000"/>
              </a:solidFill>
              <a:prstDash val="sysDash"/>
            </a:ln>
          </p:spPr>
          <p:txBody>
            <a:bodyPr wrap="square" lIns="0" tIns="0" rIns="0" bIns="0" rtlCol="0"/>
            <a:lstStyle/>
            <a:p>
              <a:endParaRPr/>
            </a:p>
          </p:txBody>
        </p:sp>
      </p:grpSp>
      <p:sp>
        <p:nvSpPr>
          <p:cNvPr id="12" name="object 12"/>
          <p:cNvSpPr txBox="1"/>
          <p:nvPr/>
        </p:nvSpPr>
        <p:spPr>
          <a:xfrm>
            <a:off x="6867840" y="1136067"/>
            <a:ext cx="382270" cy="228909"/>
          </a:xfrm>
          <a:prstGeom prst="rect">
            <a:avLst/>
          </a:prstGeom>
        </p:spPr>
        <p:txBody>
          <a:bodyPr vert="horz" wrap="square" lIns="0" tIns="13335" rIns="0" bIns="0" rtlCol="0">
            <a:spAutoFit/>
          </a:bodyPr>
          <a:lstStyle/>
          <a:p>
            <a:pPr marL="12700">
              <a:spcBef>
                <a:spcPts val="105"/>
              </a:spcBef>
            </a:pPr>
            <a:r>
              <a:rPr sz="1400" b="1" spc="-25" dirty="0">
                <a:latin typeface="メイリオ"/>
                <a:cs typeface="メイリオ"/>
              </a:rPr>
              <a:t>入力</a:t>
            </a:r>
            <a:endParaRPr sz="1400">
              <a:latin typeface="メイリオ"/>
              <a:cs typeface="メイリオ"/>
            </a:endParaRPr>
          </a:p>
        </p:txBody>
      </p:sp>
      <p:sp>
        <p:nvSpPr>
          <p:cNvPr id="13" name="object 13"/>
          <p:cNvSpPr txBox="1"/>
          <p:nvPr/>
        </p:nvSpPr>
        <p:spPr>
          <a:xfrm>
            <a:off x="9893615" y="1138430"/>
            <a:ext cx="382270" cy="228909"/>
          </a:xfrm>
          <a:prstGeom prst="rect">
            <a:avLst/>
          </a:prstGeom>
        </p:spPr>
        <p:txBody>
          <a:bodyPr vert="horz" wrap="square" lIns="0" tIns="13335" rIns="0" bIns="0" rtlCol="0">
            <a:spAutoFit/>
          </a:bodyPr>
          <a:lstStyle/>
          <a:p>
            <a:pPr marL="12700">
              <a:spcBef>
                <a:spcPts val="105"/>
              </a:spcBef>
            </a:pPr>
            <a:r>
              <a:rPr sz="1400" b="1" spc="-30" dirty="0">
                <a:latin typeface="メイリオ"/>
                <a:cs typeface="メイリオ"/>
              </a:rPr>
              <a:t>出力</a:t>
            </a:r>
            <a:endParaRPr sz="1400">
              <a:latin typeface="メイリオ"/>
              <a:cs typeface="メイリオ"/>
            </a:endParaRPr>
          </a:p>
        </p:txBody>
      </p:sp>
      <p:sp>
        <p:nvSpPr>
          <p:cNvPr id="14" name="object 14"/>
          <p:cNvSpPr txBox="1"/>
          <p:nvPr/>
        </p:nvSpPr>
        <p:spPr>
          <a:xfrm>
            <a:off x="8000807" y="589204"/>
            <a:ext cx="1049655" cy="299720"/>
          </a:xfrm>
          <a:prstGeom prst="rect">
            <a:avLst/>
          </a:prstGeom>
        </p:spPr>
        <p:txBody>
          <a:bodyPr vert="horz" wrap="square" lIns="0" tIns="12700" rIns="0" bIns="0" rtlCol="0">
            <a:spAutoFit/>
          </a:bodyPr>
          <a:lstStyle/>
          <a:p>
            <a:pPr marL="12700">
              <a:spcBef>
                <a:spcPts val="100"/>
              </a:spcBef>
            </a:pPr>
            <a:r>
              <a:rPr b="1" dirty="0">
                <a:latin typeface="メイリオ"/>
                <a:cs typeface="メイリオ"/>
              </a:rPr>
              <a:t>再帰的</a:t>
            </a:r>
            <a:r>
              <a:rPr b="1" spc="-25" dirty="0">
                <a:latin typeface="Century Gothic"/>
                <a:cs typeface="Century Gothic"/>
              </a:rPr>
              <a:t>NN</a:t>
            </a:r>
            <a:endParaRPr>
              <a:latin typeface="Century Gothic"/>
              <a:cs typeface="Century Gothic"/>
            </a:endParaRPr>
          </a:p>
        </p:txBody>
      </p:sp>
      <p:sp>
        <p:nvSpPr>
          <p:cNvPr id="15" name="object 15"/>
          <p:cNvSpPr txBox="1"/>
          <p:nvPr/>
        </p:nvSpPr>
        <p:spPr>
          <a:xfrm>
            <a:off x="9559858" y="2689911"/>
            <a:ext cx="711200" cy="299720"/>
          </a:xfrm>
          <a:prstGeom prst="rect">
            <a:avLst/>
          </a:prstGeom>
        </p:spPr>
        <p:txBody>
          <a:bodyPr vert="horz" wrap="square" lIns="0" tIns="12700" rIns="0" bIns="0" rtlCol="0">
            <a:spAutoFit/>
          </a:bodyPr>
          <a:lstStyle/>
          <a:p>
            <a:pPr marL="12700">
              <a:spcBef>
                <a:spcPts val="100"/>
              </a:spcBef>
            </a:pPr>
            <a:r>
              <a:rPr b="1" spc="-20" dirty="0">
                <a:solidFill>
                  <a:srgbClr val="FF0000"/>
                </a:solidFill>
                <a:latin typeface="メイリオ"/>
                <a:cs typeface="メイリオ"/>
              </a:rPr>
              <a:t>双方向</a:t>
            </a:r>
            <a:endParaRPr>
              <a:latin typeface="メイリオ"/>
              <a:cs typeface="メイリオ"/>
            </a:endParaRPr>
          </a:p>
        </p:txBody>
      </p:sp>
      <p:grpSp>
        <p:nvGrpSpPr>
          <p:cNvPr id="16" name="object 16"/>
          <p:cNvGrpSpPr/>
          <p:nvPr/>
        </p:nvGrpSpPr>
        <p:grpSpPr>
          <a:xfrm>
            <a:off x="1149096" y="841807"/>
            <a:ext cx="4490085" cy="3328670"/>
            <a:chOff x="82296" y="1226819"/>
            <a:chExt cx="4490085" cy="3328670"/>
          </a:xfrm>
        </p:grpSpPr>
        <p:pic>
          <p:nvPicPr>
            <p:cNvPr id="17" name="object 17"/>
            <p:cNvPicPr/>
            <p:nvPr/>
          </p:nvPicPr>
          <p:blipFill>
            <a:blip r:embed="rId4" cstate="print"/>
            <a:stretch>
              <a:fillRect/>
            </a:stretch>
          </p:blipFill>
          <p:spPr>
            <a:xfrm>
              <a:off x="82296" y="1226819"/>
              <a:ext cx="4489704" cy="3328416"/>
            </a:xfrm>
            <a:prstGeom prst="rect">
              <a:avLst/>
            </a:prstGeom>
          </p:spPr>
        </p:pic>
        <p:pic>
          <p:nvPicPr>
            <p:cNvPr id="18" name="object 18"/>
            <p:cNvPicPr/>
            <p:nvPr/>
          </p:nvPicPr>
          <p:blipFill>
            <a:blip r:embed="rId5" cstate="print"/>
            <a:stretch>
              <a:fillRect/>
            </a:stretch>
          </p:blipFill>
          <p:spPr>
            <a:xfrm>
              <a:off x="662825" y="1255775"/>
              <a:ext cx="3311779" cy="2090927"/>
            </a:xfrm>
            <a:prstGeom prst="rect">
              <a:avLst/>
            </a:prstGeom>
          </p:spPr>
        </p:pic>
        <p:sp>
          <p:nvSpPr>
            <p:cNvPr id="19" name="object 19"/>
            <p:cNvSpPr/>
            <p:nvPr/>
          </p:nvSpPr>
          <p:spPr>
            <a:xfrm>
              <a:off x="1513332" y="1325879"/>
              <a:ext cx="1530350" cy="1950720"/>
            </a:xfrm>
            <a:custGeom>
              <a:avLst/>
              <a:gdLst/>
              <a:ahLst/>
              <a:cxnLst/>
              <a:rect l="l" t="t" r="r" b="b"/>
              <a:pathLst>
                <a:path w="1530350" h="1950720">
                  <a:moveTo>
                    <a:pt x="0" y="255016"/>
                  </a:moveTo>
                  <a:lnTo>
                    <a:pt x="4108" y="209176"/>
                  </a:lnTo>
                  <a:lnTo>
                    <a:pt x="15954" y="166032"/>
                  </a:lnTo>
                  <a:lnTo>
                    <a:pt x="34816" y="126303"/>
                  </a:lnTo>
                  <a:lnTo>
                    <a:pt x="59976" y="90711"/>
                  </a:lnTo>
                  <a:lnTo>
                    <a:pt x="90711" y="59976"/>
                  </a:lnTo>
                  <a:lnTo>
                    <a:pt x="126303" y="34816"/>
                  </a:lnTo>
                  <a:lnTo>
                    <a:pt x="166032" y="15954"/>
                  </a:lnTo>
                  <a:lnTo>
                    <a:pt x="209176" y="4108"/>
                  </a:lnTo>
                  <a:lnTo>
                    <a:pt x="255016" y="0"/>
                  </a:lnTo>
                  <a:lnTo>
                    <a:pt x="1275080" y="0"/>
                  </a:lnTo>
                  <a:lnTo>
                    <a:pt x="1320919" y="4108"/>
                  </a:lnTo>
                  <a:lnTo>
                    <a:pt x="1364063" y="15954"/>
                  </a:lnTo>
                  <a:lnTo>
                    <a:pt x="1403792" y="34816"/>
                  </a:lnTo>
                  <a:lnTo>
                    <a:pt x="1439384" y="59976"/>
                  </a:lnTo>
                  <a:lnTo>
                    <a:pt x="1470119" y="90711"/>
                  </a:lnTo>
                  <a:lnTo>
                    <a:pt x="1495279" y="126303"/>
                  </a:lnTo>
                  <a:lnTo>
                    <a:pt x="1514141" y="166032"/>
                  </a:lnTo>
                  <a:lnTo>
                    <a:pt x="1525987" y="209176"/>
                  </a:lnTo>
                  <a:lnTo>
                    <a:pt x="1530095" y="255016"/>
                  </a:lnTo>
                  <a:lnTo>
                    <a:pt x="1530095" y="1695704"/>
                  </a:lnTo>
                  <a:lnTo>
                    <a:pt x="1525987" y="1741543"/>
                  </a:lnTo>
                  <a:lnTo>
                    <a:pt x="1514141" y="1784687"/>
                  </a:lnTo>
                  <a:lnTo>
                    <a:pt x="1495279" y="1824416"/>
                  </a:lnTo>
                  <a:lnTo>
                    <a:pt x="1470119" y="1860008"/>
                  </a:lnTo>
                  <a:lnTo>
                    <a:pt x="1439384" y="1890743"/>
                  </a:lnTo>
                  <a:lnTo>
                    <a:pt x="1403792" y="1915903"/>
                  </a:lnTo>
                  <a:lnTo>
                    <a:pt x="1364063" y="1934765"/>
                  </a:lnTo>
                  <a:lnTo>
                    <a:pt x="1320919" y="1946611"/>
                  </a:lnTo>
                  <a:lnTo>
                    <a:pt x="1275080" y="1950720"/>
                  </a:lnTo>
                  <a:lnTo>
                    <a:pt x="255016" y="1950720"/>
                  </a:lnTo>
                  <a:lnTo>
                    <a:pt x="209176" y="1946611"/>
                  </a:lnTo>
                  <a:lnTo>
                    <a:pt x="166032" y="1934765"/>
                  </a:lnTo>
                  <a:lnTo>
                    <a:pt x="126303" y="1915903"/>
                  </a:lnTo>
                  <a:lnTo>
                    <a:pt x="90711" y="1890743"/>
                  </a:lnTo>
                  <a:lnTo>
                    <a:pt x="59976" y="1860008"/>
                  </a:lnTo>
                  <a:lnTo>
                    <a:pt x="34816" y="1824416"/>
                  </a:lnTo>
                  <a:lnTo>
                    <a:pt x="15954" y="1784687"/>
                  </a:lnTo>
                  <a:lnTo>
                    <a:pt x="4108" y="1741543"/>
                  </a:lnTo>
                  <a:lnTo>
                    <a:pt x="0" y="1695704"/>
                  </a:lnTo>
                  <a:lnTo>
                    <a:pt x="0" y="255016"/>
                  </a:lnTo>
                  <a:close/>
                </a:path>
              </a:pathLst>
            </a:custGeom>
            <a:ln w="12192">
              <a:solidFill>
                <a:srgbClr val="000000"/>
              </a:solidFill>
              <a:prstDash val="sysDash"/>
            </a:ln>
          </p:spPr>
          <p:txBody>
            <a:bodyPr wrap="square" lIns="0" tIns="0" rIns="0" bIns="0" rtlCol="0"/>
            <a:lstStyle/>
            <a:p>
              <a:endParaRPr/>
            </a:p>
          </p:txBody>
        </p:sp>
      </p:grpSp>
      <p:sp>
        <p:nvSpPr>
          <p:cNvPr id="20" name="object 20"/>
          <p:cNvSpPr txBox="1"/>
          <p:nvPr/>
        </p:nvSpPr>
        <p:spPr>
          <a:xfrm>
            <a:off x="1876754" y="1114351"/>
            <a:ext cx="382270" cy="228909"/>
          </a:xfrm>
          <a:prstGeom prst="rect">
            <a:avLst/>
          </a:prstGeom>
        </p:spPr>
        <p:txBody>
          <a:bodyPr vert="horz" wrap="square" lIns="0" tIns="13335" rIns="0" bIns="0" rtlCol="0">
            <a:spAutoFit/>
          </a:bodyPr>
          <a:lstStyle/>
          <a:p>
            <a:pPr marL="12700">
              <a:spcBef>
                <a:spcPts val="105"/>
              </a:spcBef>
            </a:pPr>
            <a:r>
              <a:rPr sz="1400" b="1" spc="-25" dirty="0">
                <a:latin typeface="メイリオ"/>
                <a:cs typeface="メイリオ"/>
              </a:rPr>
              <a:t>入力</a:t>
            </a:r>
            <a:endParaRPr sz="1400">
              <a:latin typeface="メイリオ"/>
              <a:cs typeface="メイリオ"/>
            </a:endParaRPr>
          </a:p>
        </p:txBody>
      </p:sp>
      <p:sp>
        <p:nvSpPr>
          <p:cNvPr id="21" name="object 21"/>
          <p:cNvSpPr txBox="1"/>
          <p:nvPr/>
        </p:nvSpPr>
        <p:spPr>
          <a:xfrm>
            <a:off x="4486783" y="1114351"/>
            <a:ext cx="382905" cy="228909"/>
          </a:xfrm>
          <a:prstGeom prst="rect">
            <a:avLst/>
          </a:prstGeom>
        </p:spPr>
        <p:txBody>
          <a:bodyPr vert="horz" wrap="square" lIns="0" tIns="13335" rIns="0" bIns="0" rtlCol="0">
            <a:spAutoFit/>
          </a:bodyPr>
          <a:lstStyle/>
          <a:p>
            <a:pPr marL="12700">
              <a:spcBef>
                <a:spcPts val="105"/>
              </a:spcBef>
            </a:pPr>
            <a:r>
              <a:rPr sz="1400" b="1" spc="-25" dirty="0">
                <a:latin typeface="メイリオ"/>
                <a:cs typeface="メイリオ"/>
              </a:rPr>
              <a:t>出力</a:t>
            </a:r>
            <a:endParaRPr sz="1400">
              <a:latin typeface="メイリオ"/>
              <a:cs typeface="メイリオ"/>
            </a:endParaRPr>
          </a:p>
        </p:txBody>
      </p:sp>
      <p:sp>
        <p:nvSpPr>
          <p:cNvPr id="22" name="object 22"/>
          <p:cNvSpPr txBox="1"/>
          <p:nvPr/>
        </p:nvSpPr>
        <p:spPr>
          <a:xfrm>
            <a:off x="1124507" y="3058720"/>
            <a:ext cx="3683000" cy="299720"/>
          </a:xfrm>
          <a:prstGeom prst="rect">
            <a:avLst/>
          </a:prstGeom>
        </p:spPr>
        <p:txBody>
          <a:bodyPr vert="horz" wrap="square" lIns="0" tIns="12700" rIns="0" bIns="0" rtlCol="0">
            <a:spAutoFit/>
          </a:bodyPr>
          <a:lstStyle/>
          <a:p>
            <a:pPr marL="12700">
              <a:spcBef>
                <a:spcPts val="100"/>
              </a:spcBef>
            </a:pPr>
            <a:r>
              <a:rPr spc="-5" dirty="0">
                <a:latin typeface="メイリオ"/>
                <a:cs typeface="メイリオ"/>
              </a:rPr>
              <a:t>・ノード同士が相互に結合しない。</a:t>
            </a:r>
            <a:endParaRPr>
              <a:latin typeface="メイリオ"/>
              <a:cs typeface="メイリオ"/>
            </a:endParaRPr>
          </a:p>
        </p:txBody>
      </p:sp>
      <p:sp>
        <p:nvSpPr>
          <p:cNvPr id="23" name="object 23"/>
          <p:cNvSpPr txBox="1"/>
          <p:nvPr/>
        </p:nvSpPr>
        <p:spPr>
          <a:xfrm>
            <a:off x="1462973" y="3308528"/>
            <a:ext cx="4618991" cy="300355"/>
          </a:xfrm>
          <a:prstGeom prst="rect">
            <a:avLst/>
          </a:prstGeom>
        </p:spPr>
        <p:txBody>
          <a:bodyPr vert="horz" wrap="square" lIns="0" tIns="12700" rIns="0" bIns="0" rtlCol="0">
            <a:spAutoFit/>
          </a:bodyPr>
          <a:lstStyle/>
          <a:p>
            <a:pPr marL="38100">
              <a:spcBef>
                <a:spcPts val="100"/>
              </a:spcBef>
            </a:pPr>
            <a:r>
              <a:rPr dirty="0">
                <a:latin typeface="Century Gothic"/>
                <a:cs typeface="Century Gothic"/>
              </a:rPr>
              <a:t>→</a:t>
            </a:r>
            <a:r>
              <a:rPr spc="-15" dirty="0" err="1">
                <a:latin typeface="メイリオ"/>
                <a:cs typeface="メイリオ"/>
              </a:rPr>
              <a:t>前の入力に関係なく一方向に情報を変換</a:t>
            </a:r>
            <a:r>
              <a:rPr sz="2700" spc="-22" baseline="-12345" dirty="0">
                <a:latin typeface="メイリオ"/>
                <a:cs typeface="メイリオ"/>
              </a:rPr>
              <a:t>。</a:t>
            </a:r>
            <a:endParaRPr sz="2700" baseline="-12345" dirty="0">
              <a:latin typeface="メイリオ"/>
              <a:cs typeface="メイリオ"/>
            </a:endParaRPr>
          </a:p>
        </p:txBody>
      </p:sp>
      <p:sp>
        <p:nvSpPr>
          <p:cNvPr id="24" name="object 24"/>
          <p:cNvSpPr txBox="1"/>
          <p:nvPr/>
        </p:nvSpPr>
        <p:spPr>
          <a:xfrm>
            <a:off x="1124508" y="3608883"/>
            <a:ext cx="4140835" cy="299720"/>
          </a:xfrm>
          <a:prstGeom prst="rect">
            <a:avLst/>
          </a:prstGeom>
        </p:spPr>
        <p:txBody>
          <a:bodyPr vert="horz" wrap="square" lIns="0" tIns="12700" rIns="0" bIns="0" rtlCol="0">
            <a:spAutoFit/>
          </a:bodyPr>
          <a:lstStyle/>
          <a:p>
            <a:pPr marL="12700">
              <a:spcBef>
                <a:spcPts val="100"/>
              </a:spcBef>
            </a:pPr>
            <a:r>
              <a:rPr b="1" spc="-5" dirty="0">
                <a:latin typeface="メイリオ"/>
                <a:cs typeface="メイリオ"/>
              </a:rPr>
              <a:t>・時間に依存しないデータを取り扱う。</a:t>
            </a:r>
            <a:endParaRPr>
              <a:latin typeface="メイリオ"/>
              <a:cs typeface="メイリオ"/>
            </a:endParaRPr>
          </a:p>
        </p:txBody>
      </p:sp>
      <p:sp>
        <p:nvSpPr>
          <p:cNvPr id="25" name="object 25"/>
          <p:cNvSpPr txBox="1"/>
          <p:nvPr/>
        </p:nvSpPr>
        <p:spPr>
          <a:xfrm>
            <a:off x="2821938" y="556058"/>
            <a:ext cx="1050290" cy="299720"/>
          </a:xfrm>
          <a:prstGeom prst="rect">
            <a:avLst/>
          </a:prstGeom>
        </p:spPr>
        <p:txBody>
          <a:bodyPr vert="horz" wrap="square" lIns="0" tIns="12700" rIns="0" bIns="0" rtlCol="0">
            <a:spAutoFit/>
          </a:bodyPr>
          <a:lstStyle/>
          <a:p>
            <a:pPr marL="12700">
              <a:spcBef>
                <a:spcPts val="100"/>
              </a:spcBef>
            </a:pPr>
            <a:r>
              <a:rPr b="1" dirty="0">
                <a:latin typeface="メイリオ"/>
                <a:cs typeface="メイリオ"/>
              </a:rPr>
              <a:t>階層的</a:t>
            </a:r>
            <a:r>
              <a:rPr b="1" spc="-25" dirty="0">
                <a:latin typeface="Century Gothic"/>
                <a:cs typeface="Century Gothic"/>
              </a:rPr>
              <a:t>NN</a:t>
            </a:r>
            <a:endParaRPr>
              <a:latin typeface="Century Gothic"/>
              <a:cs typeface="Century Gothic"/>
            </a:endParaRPr>
          </a:p>
        </p:txBody>
      </p:sp>
      <p:sp>
        <p:nvSpPr>
          <p:cNvPr id="26" name="object 26"/>
          <p:cNvSpPr txBox="1"/>
          <p:nvPr/>
        </p:nvSpPr>
        <p:spPr>
          <a:xfrm>
            <a:off x="4143247" y="2647493"/>
            <a:ext cx="711200" cy="299720"/>
          </a:xfrm>
          <a:prstGeom prst="rect">
            <a:avLst/>
          </a:prstGeom>
        </p:spPr>
        <p:txBody>
          <a:bodyPr vert="horz" wrap="square" lIns="0" tIns="12700" rIns="0" bIns="0" rtlCol="0">
            <a:spAutoFit/>
          </a:bodyPr>
          <a:lstStyle/>
          <a:p>
            <a:pPr marL="12700">
              <a:spcBef>
                <a:spcPts val="100"/>
              </a:spcBef>
            </a:pPr>
            <a:r>
              <a:rPr b="1" spc="-20" dirty="0">
                <a:solidFill>
                  <a:srgbClr val="FF0000"/>
                </a:solidFill>
                <a:latin typeface="メイリオ"/>
                <a:cs typeface="メイリオ"/>
              </a:rPr>
              <a:t>一方向</a:t>
            </a:r>
            <a:endParaRPr>
              <a:latin typeface="メイリオ"/>
              <a:cs typeface="メイリオ"/>
            </a:endParaRPr>
          </a:p>
        </p:txBody>
      </p:sp>
      <p:sp>
        <p:nvSpPr>
          <p:cNvPr id="27" name="object 27"/>
          <p:cNvSpPr txBox="1"/>
          <p:nvPr/>
        </p:nvSpPr>
        <p:spPr>
          <a:xfrm>
            <a:off x="6539653" y="5506159"/>
            <a:ext cx="3221990" cy="1248419"/>
          </a:xfrm>
          <a:prstGeom prst="rect">
            <a:avLst/>
          </a:prstGeom>
          <a:ln w="9144">
            <a:solidFill>
              <a:srgbClr val="5B9BD4"/>
            </a:solidFill>
          </a:ln>
        </p:spPr>
        <p:txBody>
          <a:bodyPr vert="horz" wrap="square" lIns="0" tIns="17145" rIns="0" bIns="0" rtlCol="0">
            <a:spAutoFit/>
          </a:bodyPr>
          <a:lstStyle/>
          <a:p>
            <a:pPr marL="92075">
              <a:spcBef>
                <a:spcPts val="135"/>
              </a:spcBef>
              <a:tabLst>
                <a:tab pos="1361440" algn="l"/>
              </a:tabLst>
            </a:pPr>
            <a:r>
              <a:rPr sz="2000" b="1" dirty="0">
                <a:solidFill>
                  <a:srgbClr val="FF0000"/>
                </a:solidFill>
                <a:latin typeface="メイリオ"/>
                <a:cs typeface="メイリオ"/>
              </a:rPr>
              <a:t>深層学</a:t>
            </a:r>
            <a:r>
              <a:rPr sz="2000" b="1" spc="-50" dirty="0">
                <a:solidFill>
                  <a:srgbClr val="FF0000"/>
                </a:solidFill>
                <a:latin typeface="メイリオ"/>
                <a:cs typeface="メイリオ"/>
              </a:rPr>
              <a:t>習</a:t>
            </a:r>
            <a:r>
              <a:rPr sz="2000" b="1" dirty="0">
                <a:solidFill>
                  <a:srgbClr val="FF0000"/>
                </a:solidFill>
                <a:latin typeface="メイリオ"/>
                <a:cs typeface="メイリオ"/>
              </a:rPr>
              <a:t>	精度◎だけ</a:t>
            </a:r>
            <a:r>
              <a:rPr sz="2000" b="1" spc="-50" dirty="0">
                <a:solidFill>
                  <a:srgbClr val="FF0000"/>
                </a:solidFill>
                <a:latin typeface="メイリオ"/>
                <a:cs typeface="メイリオ"/>
              </a:rPr>
              <a:t>ど</a:t>
            </a:r>
            <a:endParaRPr sz="2000" dirty="0">
              <a:latin typeface="メイリオ"/>
              <a:cs typeface="メイリオ"/>
            </a:endParaRPr>
          </a:p>
          <a:p>
            <a:pPr marL="92075"/>
            <a:r>
              <a:rPr sz="2000" b="1" spc="-5" dirty="0">
                <a:solidFill>
                  <a:srgbClr val="FF0000"/>
                </a:solidFill>
                <a:latin typeface="メイリオ"/>
                <a:cs typeface="メイリオ"/>
              </a:rPr>
              <a:t>・大量にデータが必要</a:t>
            </a:r>
            <a:endParaRPr sz="2000" dirty="0">
              <a:latin typeface="メイリオ"/>
              <a:cs typeface="メイリオ"/>
            </a:endParaRPr>
          </a:p>
          <a:p>
            <a:pPr marL="92075"/>
            <a:r>
              <a:rPr sz="2000" b="1" spc="50" dirty="0">
                <a:solidFill>
                  <a:srgbClr val="FF0000"/>
                </a:solidFill>
                <a:latin typeface="メイリオ"/>
                <a:cs typeface="メイリオ"/>
              </a:rPr>
              <a:t>・学習に時間がかかる</a:t>
            </a:r>
            <a:endParaRPr sz="2000" dirty="0">
              <a:latin typeface="メイリオ"/>
              <a:cs typeface="メイリオ"/>
            </a:endParaRPr>
          </a:p>
          <a:p>
            <a:pPr marL="92075"/>
            <a:r>
              <a:rPr sz="2000" b="1" spc="65" dirty="0">
                <a:solidFill>
                  <a:srgbClr val="FF0000"/>
                </a:solidFill>
                <a:latin typeface="メイリオ"/>
                <a:cs typeface="メイリオ"/>
              </a:rPr>
              <a:t>・消費電力が大きい</a:t>
            </a:r>
            <a:endParaRPr sz="2000" dirty="0">
              <a:latin typeface="メイリオ"/>
              <a:cs typeface="メイリオ"/>
            </a:endParaRPr>
          </a:p>
        </p:txBody>
      </p:sp>
      <p:sp>
        <p:nvSpPr>
          <p:cNvPr id="28" name="object 28"/>
          <p:cNvSpPr txBox="1"/>
          <p:nvPr/>
        </p:nvSpPr>
        <p:spPr>
          <a:xfrm>
            <a:off x="2505991" y="4295955"/>
            <a:ext cx="7222490" cy="300355"/>
          </a:xfrm>
          <a:prstGeom prst="rect">
            <a:avLst/>
          </a:prstGeom>
        </p:spPr>
        <p:txBody>
          <a:bodyPr vert="horz" wrap="square" lIns="0" tIns="12700" rIns="0" bIns="0" rtlCol="0">
            <a:spAutoFit/>
          </a:bodyPr>
          <a:lstStyle/>
          <a:p>
            <a:pPr marL="12700">
              <a:spcBef>
                <a:spcPts val="100"/>
              </a:spcBef>
            </a:pPr>
            <a:r>
              <a:rPr spc="-10" dirty="0">
                <a:latin typeface="メイリオ"/>
                <a:cs typeface="メイリオ"/>
              </a:rPr>
              <a:t>二種類の</a:t>
            </a:r>
            <a:r>
              <a:rPr spc="-25" dirty="0">
                <a:latin typeface="Century Gothic"/>
                <a:cs typeface="Century Gothic"/>
              </a:rPr>
              <a:t>NN</a:t>
            </a:r>
            <a:r>
              <a:rPr spc="-15" dirty="0">
                <a:latin typeface="メイリオ"/>
                <a:cs typeface="メイリオ"/>
              </a:rPr>
              <a:t>を複合的に組み合わせることで、深層学習が行われている</a:t>
            </a:r>
            <a:endParaRPr dirty="0">
              <a:latin typeface="メイリオ"/>
              <a:cs typeface="メイリオ"/>
            </a:endParaRPr>
          </a:p>
        </p:txBody>
      </p:sp>
      <p:pic>
        <p:nvPicPr>
          <p:cNvPr id="30" name="object 30"/>
          <p:cNvPicPr/>
          <p:nvPr/>
        </p:nvPicPr>
        <p:blipFill>
          <a:blip r:embed="rId6" cstate="print"/>
          <a:stretch>
            <a:fillRect/>
          </a:stretch>
        </p:blipFill>
        <p:spPr>
          <a:xfrm>
            <a:off x="1972055" y="4853940"/>
            <a:ext cx="3332988" cy="804672"/>
          </a:xfrm>
          <a:prstGeom prst="rect">
            <a:avLst/>
          </a:prstGeom>
        </p:spPr>
      </p:pic>
      <p:sp>
        <p:nvSpPr>
          <p:cNvPr id="31" name="object 31"/>
          <p:cNvSpPr txBox="1"/>
          <p:nvPr/>
        </p:nvSpPr>
        <p:spPr>
          <a:xfrm>
            <a:off x="2137663" y="4918075"/>
            <a:ext cx="381000" cy="299720"/>
          </a:xfrm>
          <a:prstGeom prst="rect">
            <a:avLst/>
          </a:prstGeom>
        </p:spPr>
        <p:txBody>
          <a:bodyPr vert="horz" wrap="square" lIns="0" tIns="12700" rIns="0" bIns="0" rtlCol="0">
            <a:spAutoFit/>
          </a:bodyPr>
          <a:lstStyle/>
          <a:p>
            <a:pPr marL="12700">
              <a:spcBef>
                <a:spcPts val="100"/>
              </a:spcBef>
            </a:pPr>
            <a:r>
              <a:rPr spc="-25" dirty="0">
                <a:latin typeface="ＭＳ ゴシック"/>
                <a:cs typeface="ＭＳ ゴシック"/>
              </a:rPr>
              <a:t>※</a:t>
            </a:r>
            <a:r>
              <a:rPr spc="-25" dirty="0">
                <a:latin typeface="Century Gothic"/>
                <a:cs typeface="Century Gothic"/>
              </a:rPr>
              <a:t>2</a:t>
            </a:r>
            <a:endParaRPr>
              <a:latin typeface="Century Gothic"/>
              <a:cs typeface="Century Gothic"/>
            </a:endParaRPr>
          </a:p>
        </p:txBody>
      </p:sp>
      <p:sp>
        <p:nvSpPr>
          <p:cNvPr id="32" name="object 32"/>
          <p:cNvSpPr txBox="1"/>
          <p:nvPr/>
        </p:nvSpPr>
        <p:spPr>
          <a:xfrm>
            <a:off x="237885" y="5248014"/>
            <a:ext cx="1577340" cy="197490"/>
          </a:xfrm>
          <a:prstGeom prst="rect">
            <a:avLst/>
          </a:prstGeom>
        </p:spPr>
        <p:txBody>
          <a:bodyPr vert="horz" wrap="square" lIns="0" tIns="12700" rIns="0" bIns="0" rtlCol="0">
            <a:spAutoFit/>
          </a:bodyPr>
          <a:lstStyle/>
          <a:p>
            <a:pPr marL="12700">
              <a:spcBef>
                <a:spcPts val="100"/>
              </a:spcBef>
            </a:pPr>
            <a:r>
              <a:rPr sz="1200" b="1" dirty="0">
                <a:latin typeface="Century Gothic"/>
                <a:cs typeface="Century Gothic"/>
              </a:rPr>
              <a:t>google</a:t>
            </a:r>
            <a:r>
              <a:rPr sz="1200" b="1" spc="-50" dirty="0">
                <a:latin typeface="Century Gothic"/>
                <a:cs typeface="Century Gothic"/>
              </a:rPr>
              <a:t> </a:t>
            </a:r>
            <a:r>
              <a:rPr sz="1200" b="1" dirty="0">
                <a:latin typeface="Century Gothic"/>
                <a:cs typeface="Century Gothic"/>
              </a:rPr>
              <a:t>Net(</a:t>
            </a:r>
            <a:r>
              <a:rPr sz="1200" b="1" dirty="0">
                <a:latin typeface="メイリオ"/>
                <a:cs typeface="メイリオ"/>
              </a:rPr>
              <a:t>画像認識</a:t>
            </a:r>
            <a:r>
              <a:rPr sz="1200" b="1" spc="-50" dirty="0">
                <a:latin typeface="Century Gothic"/>
                <a:cs typeface="Century Gothic"/>
              </a:rPr>
              <a:t>)</a:t>
            </a:r>
            <a:endParaRPr sz="1200" dirty="0">
              <a:latin typeface="Century Gothic"/>
              <a:cs typeface="Century Gothic"/>
            </a:endParaRPr>
          </a:p>
        </p:txBody>
      </p:sp>
      <p:pic>
        <p:nvPicPr>
          <p:cNvPr id="33" name="object 33"/>
          <p:cNvPicPr/>
          <p:nvPr/>
        </p:nvPicPr>
        <p:blipFill>
          <a:blip r:embed="rId7" cstate="print"/>
          <a:stretch>
            <a:fillRect/>
          </a:stretch>
        </p:blipFill>
        <p:spPr>
          <a:xfrm>
            <a:off x="2194256" y="5808599"/>
            <a:ext cx="2983817" cy="982942"/>
          </a:xfrm>
          <a:prstGeom prst="rect">
            <a:avLst/>
          </a:prstGeom>
        </p:spPr>
      </p:pic>
      <p:sp>
        <p:nvSpPr>
          <p:cNvPr id="34" name="object 34"/>
          <p:cNvSpPr txBox="1"/>
          <p:nvPr/>
        </p:nvSpPr>
        <p:spPr>
          <a:xfrm>
            <a:off x="2140102" y="5689498"/>
            <a:ext cx="381000" cy="299720"/>
          </a:xfrm>
          <a:prstGeom prst="rect">
            <a:avLst/>
          </a:prstGeom>
        </p:spPr>
        <p:txBody>
          <a:bodyPr vert="horz" wrap="square" lIns="0" tIns="12700" rIns="0" bIns="0" rtlCol="0">
            <a:spAutoFit/>
          </a:bodyPr>
          <a:lstStyle/>
          <a:p>
            <a:pPr marL="12700">
              <a:spcBef>
                <a:spcPts val="100"/>
              </a:spcBef>
            </a:pPr>
            <a:r>
              <a:rPr spc="-25" dirty="0">
                <a:latin typeface="ＭＳ ゴシック"/>
                <a:cs typeface="ＭＳ ゴシック"/>
              </a:rPr>
              <a:t>※</a:t>
            </a:r>
            <a:r>
              <a:rPr spc="-25" dirty="0">
                <a:latin typeface="Century Gothic"/>
                <a:cs typeface="Century Gothic"/>
              </a:rPr>
              <a:t>3</a:t>
            </a:r>
            <a:endParaRPr>
              <a:latin typeface="Century Gothic"/>
              <a:cs typeface="Century Gothic"/>
            </a:endParaRPr>
          </a:p>
        </p:txBody>
      </p:sp>
      <p:sp>
        <p:nvSpPr>
          <p:cNvPr id="35" name="object 35"/>
          <p:cNvSpPr txBox="1"/>
          <p:nvPr/>
        </p:nvSpPr>
        <p:spPr>
          <a:xfrm>
            <a:off x="343295" y="6012683"/>
            <a:ext cx="1366520" cy="197490"/>
          </a:xfrm>
          <a:prstGeom prst="rect">
            <a:avLst/>
          </a:prstGeom>
        </p:spPr>
        <p:txBody>
          <a:bodyPr vert="horz" wrap="square" lIns="0" tIns="12700" rIns="0" bIns="0" rtlCol="0">
            <a:spAutoFit/>
          </a:bodyPr>
          <a:lstStyle/>
          <a:p>
            <a:pPr marL="12700">
              <a:spcBef>
                <a:spcPts val="100"/>
              </a:spcBef>
            </a:pPr>
            <a:r>
              <a:rPr sz="1200" b="1" spc="-10" dirty="0">
                <a:latin typeface="Century Gothic"/>
                <a:cs typeface="Century Gothic"/>
              </a:rPr>
              <a:t>seq2seq(</a:t>
            </a:r>
            <a:r>
              <a:rPr sz="1200" b="1" dirty="0">
                <a:latin typeface="メイリオ"/>
                <a:cs typeface="メイリオ"/>
              </a:rPr>
              <a:t>言語処理</a:t>
            </a:r>
            <a:r>
              <a:rPr sz="1200" b="1" spc="-50" dirty="0">
                <a:latin typeface="Century Gothic"/>
                <a:cs typeface="Century Gothic"/>
              </a:rPr>
              <a:t>)</a:t>
            </a:r>
            <a:endParaRPr sz="1200" dirty="0">
              <a:latin typeface="Century Gothic"/>
              <a:cs typeface="Century Gothic"/>
            </a:endParaRPr>
          </a:p>
        </p:txBody>
      </p:sp>
      <p:sp>
        <p:nvSpPr>
          <p:cNvPr id="37" name="テキスト ボックス 36">
            <a:extLst>
              <a:ext uri="{FF2B5EF4-FFF2-40B4-BE49-F238E27FC236}">
                <a16:creationId xmlns:a16="http://schemas.microsoft.com/office/drawing/2014/main" id="{17F7C46F-ADAB-F331-38F8-864216A5C932}"/>
              </a:ext>
            </a:extLst>
          </p:cNvPr>
          <p:cNvSpPr txBox="1"/>
          <p:nvPr/>
        </p:nvSpPr>
        <p:spPr>
          <a:xfrm>
            <a:off x="6676091" y="3156739"/>
            <a:ext cx="3923898" cy="461665"/>
          </a:xfrm>
          <a:prstGeom prst="rect">
            <a:avLst/>
          </a:prstGeom>
          <a:noFill/>
        </p:spPr>
        <p:txBody>
          <a:bodyPr wrap="square">
            <a:spAutoFit/>
          </a:bodyPr>
          <a:lstStyle/>
          <a:p>
            <a:r>
              <a:rPr lang="ja-JP" altLang="en-US" sz="2400" spc="-15" baseline="-12345" dirty="0">
                <a:latin typeface="BIZ UDPゴシック" panose="020B0400000000000000" pitchFamily="50" charset="-128"/>
                <a:ea typeface="BIZ UDPゴシック" panose="020B0400000000000000" pitchFamily="50" charset="-128"/>
                <a:cs typeface="Century Gothic"/>
              </a:rPr>
              <a:t>→</a:t>
            </a:r>
            <a:r>
              <a:rPr lang="ja-JP" altLang="en-US" sz="2400" spc="-22" baseline="-12345" dirty="0">
                <a:latin typeface="BIZ UDPゴシック" panose="020B0400000000000000" pitchFamily="50" charset="-128"/>
                <a:ea typeface="BIZ UDPゴシック" panose="020B0400000000000000" pitchFamily="50" charset="-128"/>
                <a:cs typeface="メイリオ"/>
              </a:rPr>
              <a:t>ノードの状態は前の入力情報を反映</a:t>
            </a:r>
            <a:endParaRPr lang="ja-JP" altLang="en-US" sz="2400" dirty="0">
              <a:latin typeface="BIZ UDPゴシック" panose="020B0400000000000000" pitchFamily="50" charset="-128"/>
              <a:ea typeface="BIZ UDPゴシック" panose="020B0400000000000000" pitchFamily="50" charset="-128"/>
            </a:endParaRPr>
          </a:p>
        </p:txBody>
      </p:sp>
      <p:sp>
        <p:nvSpPr>
          <p:cNvPr id="42" name="正方形/長方形 41">
            <a:extLst>
              <a:ext uri="{FF2B5EF4-FFF2-40B4-BE49-F238E27FC236}">
                <a16:creationId xmlns:a16="http://schemas.microsoft.com/office/drawing/2014/main" id="{EFACBC12-83E0-1190-3840-09107D49A094}"/>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階層ニューラルネットワーク</a:t>
            </a:r>
            <a:r>
              <a:rPr kumimoji="1" lang="ja-JP" altLang="en-US" sz="1100" b="1" dirty="0">
                <a:latin typeface="BIZ UDPゴシック" panose="020B0400000000000000" pitchFamily="50" charset="-128"/>
                <a:ea typeface="BIZ UDPゴシック" panose="020B0400000000000000" pitchFamily="50" charset="-128"/>
              </a:rPr>
              <a:t>と</a:t>
            </a:r>
            <a:r>
              <a:rPr kumimoji="1" lang="ja-JP" altLang="en-US" sz="2400" b="1" dirty="0">
                <a:latin typeface="BIZ UDPゴシック" panose="020B0400000000000000" pitchFamily="50" charset="-128"/>
                <a:ea typeface="BIZ UDPゴシック" panose="020B0400000000000000" pitchFamily="50" charset="-128"/>
              </a:rPr>
              <a:t>再帰的ニューラルネットワーク</a:t>
            </a:r>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グループ化 9">
            <a:extLst>
              <a:ext uri="{FF2B5EF4-FFF2-40B4-BE49-F238E27FC236}">
                <a16:creationId xmlns:a16="http://schemas.microsoft.com/office/drawing/2014/main" id="{56887E1D-C6A5-44E5-BA8F-18051EF886CE}"/>
              </a:ext>
            </a:extLst>
          </p:cNvPr>
          <p:cNvGrpSpPr/>
          <p:nvPr/>
        </p:nvGrpSpPr>
        <p:grpSpPr>
          <a:xfrm>
            <a:off x="-8238" y="-1"/>
            <a:ext cx="12228513" cy="6857999"/>
            <a:chOff x="-6081" y="-1"/>
            <a:chExt cx="9026490" cy="5400675"/>
          </a:xfrm>
          <a:solidFill>
            <a:schemeClr val="accent4">
              <a:lumMod val="50000"/>
            </a:schemeClr>
          </a:solidFill>
        </p:grpSpPr>
        <p:sp>
          <p:nvSpPr>
            <p:cNvPr id="12" name="正方形/長方形 11">
              <a:extLst>
                <a:ext uri="{FF2B5EF4-FFF2-40B4-BE49-F238E27FC236}">
                  <a16:creationId xmlns:a16="http://schemas.microsoft.com/office/drawing/2014/main" id="{88FAFF29-2F28-448E-BB99-889D44A1DE54}"/>
                </a:ext>
              </a:extLst>
            </p:cNvPr>
            <p:cNvSpPr/>
            <p:nvPr/>
          </p:nvSpPr>
          <p:spPr>
            <a:xfrm>
              <a:off x="639652" y="360608"/>
              <a:ext cx="7720234" cy="4679458"/>
            </a:xfrm>
            <a:prstGeom prst="rect">
              <a:avLst/>
            </a:prstGeom>
            <a:grp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2286"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sp>
          <p:nvSpPr>
            <p:cNvPr id="13" name="吹き出し: 四角形 12">
              <a:extLst>
                <a:ext uri="{FF2B5EF4-FFF2-40B4-BE49-F238E27FC236}">
                  <a16:creationId xmlns:a16="http://schemas.microsoft.com/office/drawing/2014/main" id="{C442644B-D205-4A6B-A2E3-9E83194E782E}"/>
                </a:ext>
              </a:extLst>
            </p:cNvPr>
            <p:cNvSpPr/>
            <p:nvPr/>
          </p:nvSpPr>
          <p:spPr>
            <a:xfrm>
              <a:off x="754774" y="1863418"/>
              <a:ext cx="4345578" cy="474617"/>
            </a:xfrm>
            <a:prstGeom prst="wedgeRectCallout">
              <a:avLst>
                <a:gd name="adj1" fmla="val -52104"/>
                <a:gd name="adj2" fmla="val -95764"/>
              </a:avLst>
            </a:prstGeom>
            <a:grp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24"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画像の端部分が見切れてしまう場合がありますので、テキスト含め</a:t>
              </a:r>
              <a:endParaRPr kumimoji="1" lang="en-US" altLang="ja-JP" sz="1524"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24"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確実に表示させたい要素は、</a:t>
              </a:r>
              <a:r>
                <a:rPr kumimoji="1" lang="ja-JP" altLang="en-US" sz="1524"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赤枠</a:t>
              </a:r>
              <a:r>
                <a:rPr kumimoji="1" lang="ja-JP" altLang="en-US" sz="1524"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内に入力してください</a:t>
              </a:r>
              <a:endParaRPr kumimoji="1" lang="en-US" altLang="ja-JP" sz="1524"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4" name="テキスト ボックス 13">
              <a:extLst>
                <a:ext uri="{FF2B5EF4-FFF2-40B4-BE49-F238E27FC236}">
                  <a16:creationId xmlns:a16="http://schemas.microsoft.com/office/drawing/2014/main" id="{857A833B-7A31-47B4-B582-6AD72F4F4896}"/>
                </a:ext>
              </a:extLst>
            </p:cNvPr>
            <p:cNvSpPr txBox="1"/>
            <p:nvPr/>
          </p:nvSpPr>
          <p:spPr>
            <a:xfrm>
              <a:off x="2374877" y="3214438"/>
              <a:ext cx="4249783" cy="811347"/>
            </a:xfrm>
            <a:prstGeom prst="rect">
              <a:avLst/>
            </a:prstGeom>
            <a:grp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6095"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XXXXXX</a:t>
              </a:r>
              <a:endParaRPr kumimoji="1" lang="ja-JP" altLang="en-US" sz="6095"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正方形/長方形 15">
              <a:extLst>
                <a:ext uri="{FF2B5EF4-FFF2-40B4-BE49-F238E27FC236}">
                  <a16:creationId xmlns:a16="http://schemas.microsoft.com/office/drawing/2014/main" id="{3818F1F5-EE8B-4A95-98DB-BF41964DB350}"/>
                </a:ext>
              </a:extLst>
            </p:cNvPr>
            <p:cNvSpPr/>
            <p:nvPr/>
          </p:nvSpPr>
          <p:spPr>
            <a:xfrm>
              <a:off x="-6081" y="-1"/>
              <a:ext cx="8999538" cy="5400675"/>
            </a:xfrm>
            <a:prstGeom prst="rect">
              <a:avLst/>
            </a:prstGeom>
            <a:grp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2286"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sp>
          <p:nvSpPr>
            <p:cNvPr id="19" name="テキスト ボックス 18">
              <a:extLst>
                <a:ext uri="{FF2B5EF4-FFF2-40B4-BE49-F238E27FC236}">
                  <a16:creationId xmlns:a16="http://schemas.microsoft.com/office/drawing/2014/main" id="{435A9220-7505-46F1-BD50-BA7C1301D9BA}"/>
                </a:ext>
              </a:extLst>
            </p:cNvPr>
            <p:cNvSpPr txBox="1"/>
            <p:nvPr/>
          </p:nvSpPr>
          <p:spPr>
            <a:xfrm>
              <a:off x="47823" y="236636"/>
              <a:ext cx="8972586" cy="4762650"/>
            </a:xfrm>
            <a:prstGeom prst="rect">
              <a:avLst/>
            </a:prstGeom>
            <a:grpFill/>
            <a:effectLst/>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800" b="0" i="0" u="none" strike="noStrike" kern="1200" cap="none" spc="0" normalizeH="0" baseline="0" noProof="0" dirty="0">
                  <a:ln w="19050">
                    <a:solidFill>
                      <a:prstClr val="white">
                        <a:lumMod val="95000"/>
                      </a:prstClr>
                    </a:solidFill>
                  </a:ln>
                  <a:solidFill>
                    <a:prstClr val="white"/>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rPr>
                <a:t>お昼休みの</a:t>
              </a:r>
              <a:r>
                <a:rPr kumimoji="1" lang="en-US" altLang="ja-JP" sz="11500" b="0" i="0" u="none" strike="noStrike" kern="1200" cap="none" spc="0" normalizeH="0" baseline="0" noProof="0" dirty="0">
                  <a:ln w="19050">
                    <a:solidFill>
                      <a:prstClr val="white">
                        <a:lumMod val="95000"/>
                      </a:prstClr>
                    </a:solidFill>
                  </a:ln>
                  <a:solidFill>
                    <a:srgbClr val="C00000"/>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rPr>
                <a:t>30</a:t>
              </a:r>
              <a:r>
                <a:rPr kumimoji="1" lang="ja-JP" altLang="en-US" sz="11500" b="0" i="0" u="none" strike="noStrike" kern="1200" cap="none" spc="0" normalizeH="0" baseline="0" noProof="0" dirty="0">
                  <a:ln w="19050">
                    <a:solidFill>
                      <a:prstClr val="white">
                        <a:lumMod val="95000"/>
                      </a:prstClr>
                    </a:solidFill>
                  </a:ln>
                  <a:solidFill>
                    <a:srgbClr val="C00000"/>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rPr>
                <a:t>分</a:t>
              </a:r>
              <a:endParaRPr kumimoji="1" lang="en-US" altLang="ja-JP" sz="8800" b="0" i="0" u="none" strike="noStrike" kern="1200" cap="none" spc="0" normalizeH="0" baseline="0" noProof="0" dirty="0">
                <a:ln w="19050">
                  <a:solidFill>
                    <a:prstClr val="white">
                      <a:lumMod val="95000"/>
                    </a:prstClr>
                  </a:solidFill>
                </a:ln>
                <a:solidFill>
                  <a:srgbClr val="C00000"/>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0" b="0" i="0" u="none" strike="noStrike" kern="1200" cap="none" spc="0" normalizeH="0" baseline="0" noProof="0" dirty="0">
                  <a:ln w="19050">
                    <a:solidFill>
                      <a:prstClr val="white">
                        <a:lumMod val="95000"/>
                      </a:prstClr>
                    </a:solidFill>
                  </a:ln>
                  <a:solidFill>
                    <a:prstClr val="white"/>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rPr>
                <a:t>お時間を頂きます。</a:t>
              </a:r>
              <a:endParaRPr kumimoji="1" lang="en-US" altLang="ja-JP" sz="8000" b="0" i="0" u="none" strike="noStrike" kern="1200" cap="none" spc="0" normalizeH="0" baseline="0" noProof="0" dirty="0">
                <a:ln w="19050">
                  <a:solidFill>
                    <a:prstClr val="white">
                      <a:lumMod val="95000"/>
                    </a:prstClr>
                  </a:solidFill>
                </a:ln>
                <a:solidFill>
                  <a:prstClr val="white"/>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6600" b="0" i="0" u="none" strike="noStrike" kern="1200" cap="none" spc="0" normalizeH="0" baseline="0" noProof="0" dirty="0">
                <a:ln w="19050">
                  <a:solidFill>
                    <a:prstClr val="white">
                      <a:lumMod val="95000"/>
                    </a:prstClr>
                  </a:solidFill>
                </a:ln>
                <a:solidFill>
                  <a:prstClr val="white"/>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6000" b="0" i="0" u="none" strike="noStrike" kern="1200" cap="none" spc="0" normalizeH="0" baseline="0" noProof="0" dirty="0">
                  <a:ln w="19050">
                    <a:solidFill>
                      <a:prstClr val="white">
                        <a:lumMod val="95000"/>
                      </a:prstClr>
                    </a:solidFill>
                  </a:ln>
                  <a:solidFill>
                    <a:prstClr val="white"/>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rPr>
                <a:t>肩の力を抜いて</a:t>
              </a:r>
              <a:r>
                <a:rPr kumimoji="1" lang="ja-JP" altLang="en-US" sz="6600" b="0" i="0" u="none" strike="noStrike" kern="1200" cap="none" spc="0" normalizeH="0" baseline="0" noProof="0" dirty="0">
                  <a:ln w="19050">
                    <a:solidFill>
                      <a:prstClr val="white">
                        <a:lumMod val="95000"/>
                      </a:prstClr>
                    </a:solidFill>
                  </a:ln>
                  <a:solidFill>
                    <a:srgbClr val="FFC000"/>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rPr>
                <a:t>ゆるり</a:t>
              </a:r>
              <a:r>
                <a:rPr kumimoji="1" lang="ja-JP" altLang="en-US" sz="6000" b="0" i="0" u="none" strike="noStrike" kern="1200" cap="none" spc="0" normalizeH="0" baseline="0" noProof="0" dirty="0">
                  <a:ln w="19050">
                    <a:solidFill>
                      <a:prstClr val="white">
                        <a:lumMod val="95000"/>
                      </a:prstClr>
                    </a:solidFill>
                  </a:ln>
                  <a:solidFill>
                    <a:prstClr val="white"/>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rPr>
                <a:t>と</a:t>
              </a:r>
              <a:endParaRPr kumimoji="1" lang="en-US" altLang="ja-JP" sz="6000" b="0" i="0" u="none" strike="noStrike" kern="1200" cap="none" spc="0" normalizeH="0" baseline="0" noProof="0" dirty="0">
                <a:ln w="19050">
                  <a:solidFill>
                    <a:prstClr val="white">
                      <a:lumMod val="95000"/>
                    </a:prstClr>
                  </a:solidFill>
                </a:ln>
                <a:solidFill>
                  <a:prstClr val="white"/>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6000" b="0" i="0" u="none" strike="noStrike" kern="1200" cap="none" spc="0" normalizeH="0" baseline="0" noProof="0" dirty="0">
                  <a:ln w="19050">
                    <a:solidFill>
                      <a:prstClr val="white">
                        <a:lumMod val="95000"/>
                      </a:prstClr>
                    </a:solidFill>
                  </a:ln>
                  <a:solidFill>
                    <a:prstClr val="white"/>
                  </a:solidFill>
                  <a:effectLst>
                    <a:outerShdw blurRad="38100" dist="38100" dir="2700000" algn="tl">
                      <a:srgbClr val="000000">
                        <a:alpha val="43137"/>
                      </a:srgbClr>
                    </a:outerShdw>
                  </a:effectLst>
                  <a:uLnTx/>
                  <a:uFillTx/>
                  <a:latin typeface="HGP創英角ﾎﾟｯﾌﾟ体" panose="040B0A00000000000000" pitchFamily="50" charset="-128"/>
                  <a:ea typeface="HGP創英角ﾎﾟｯﾌﾟ体" panose="040B0A00000000000000" pitchFamily="50" charset="-128"/>
                  <a:cs typeface="+mn-cs"/>
                </a:rPr>
                <a:t>お聴きください～</a:t>
              </a:r>
            </a:p>
          </p:txBody>
        </p:sp>
      </p:grpSp>
      <p:pic>
        <p:nvPicPr>
          <p:cNvPr id="10244" name="Picture 4" descr="お昼寝のイラスト「幼稚園の昼休み」">
            <a:extLst>
              <a:ext uri="{FF2B5EF4-FFF2-40B4-BE49-F238E27FC236}">
                <a16:creationId xmlns:a16="http://schemas.microsoft.com/office/drawing/2014/main" id="{53388C81-989F-4C64-948C-079EC2DA8F42}"/>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390841" y="5322529"/>
            <a:ext cx="2128293" cy="1497545"/>
          </a:xfrm>
          <a:prstGeom prst="rect">
            <a:avLst/>
          </a:prstGeom>
          <a:solidFill>
            <a:schemeClr val="accent4">
              <a:lumMod val="50000"/>
            </a:schemeClr>
          </a:solidFill>
        </p:spPr>
      </p:pic>
      <p:pic>
        <p:nvPicPr>
          <p:cNvPr id="10242" name="Picture 2" descr="集まってお弁当を食べる人たちのイラスト（スーツ）">
            <a:extLst>
              <a:ext uri="{FF2B5EF4-FFF2-40B4-BE49-F238E27FC236}">
                <a16:creationId xmlns:a16="http://schemas.microsoft.com/office/drawing/2014/main" id="{A168BC9B-361D-189A-7CF4-AB6FD3454B49}"/>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8275" y="5057190"/>
            <a:ext cx="2390021" cy="1790343"/>
          </a:xfrm>
          <a:prstGeom prst="rect">
            <a:avLst/>
          </a:prstGeom>
          <a:solidFill>
            <a:schemeClr val="accent4">
              <a:lumMod val="50000"/>
            </a:schemeClr>
          </a:solidFill>
        </p:spPr>
      </p:pic>
      <p:sp>
        <p:nvSpPr>
          <p:cNvPr id="2" name="テキスト ボックス 1">
            <a:extLst>
              <a:ext uri="{FF2B5EF4-FFF2-40B4-BE49-F238E27FC236}">
                <a16:creationId xmlns:a16="http://schemas.microsoft.com/office/drawing/2014/main" id="{EF768107-D459-991E-A74C-2F2368811DFD}"/>
              </a:ext>
            </a:extLst>
          </p:cNvPr>
          <p:cNvSpPr txBox="1"/>
          <p:nvPr/>
        </p:nvSpPr>
        <p:spPr>
          <a:xfrm>
            <a:off x="64787" y="3467056"/>
            <a:ext cx="12062425" cy="707886"/>
          </a:xfrm>
          <a:prstGeom prst="rect">
            <a:avLst/>
          </a:prstGeom>
          <a:solidFill>
            <a:schemeClr val="accent2">
              <a:lumMod val="60000"/>
              <a:lumOff val="40000"/>
            </a:schemeClr>
          </a:solidFill>
          <a:ln>
            <a:solidFill>
              <a:schemeClr val="bg1">
                <a:lumMod val="95000"/>
              </a:schemeClr>
            </a:solidFill>
          </a:ln>
        </p:spPr>
        <p:txBody>
          <a:bodyPr wrap="square" rtlCol="0">
            <a:spAutoFit/>
          </a:bodyPr>
          <a:lstStyle/>
          <a:p>
            <a:pPr algn="ctr"/>
            <a:r>
              <a:rPr lang="ja-JP" altLang="en-US" sz="4000" b="1" dirty="0">
                <a:effectLst>
                  <a:outerShdw blurRad="38100" dist="38100" dir="2700000" algn="tl">
                    <a:srgbClr val="000000">
                      <a:alpha val="43137"/>
                    </a:srgbClr>
                  </a:outerShdw>
                </a:effectLst>
                <a:latin typeface="BIZ UDP明朝 Medium" panose="02020500000000000000" pitchFamily="18" charset="-128"/>
                <a:ea typeface="BIZ UDP明朝 Medium" panose="02020500000000000000" pitchFamily="18" charset="-128"/>
              </a:rPr>
              <a:t>隙間時間を利用しての「雑多な情報や話題を提供」</a:t>
            </a:r>
            <a:endParaRPr kumimoji="1" lang="ja-JP" altLang="en-US" sz="4000" b="1" dirty="0">
              <a:effectLst>
                <a:outerShdw blurRad="38100" dist="38100" dir="2700000" algn="tl">
                  <a:srgbClr val="000000">
                    <a:alpha val="43137"/>
                  </a:srgbClr>
                </a:outerShdw>
              </a:effectLst>
              <a:latin typeface="BIZ UDP明朝 Medium" panose="02020500000000000000" pitchFamily="18" charset="-128"/>
              <a:ea typeface="BIZ UDP明朝 Medium" panose="02020500000000000000" pitchFamily="18" charset="-128"/>
            </a:endParaRPr>
          </a:p>
        </p:txBody>
      </p:sp>
    </p:spTree>
    <p:extLst>
      <p:ext uri="{BB962C8B-B14F-4D97-AF65-F5344CB8AC3E}">
        <p14:creationId xmlns:p14="http://schemas.microsoft.com/office/powerpoint/2010/main" val="207093772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8" name="object 51">
            <a:extLst>
              <a:ext uri="{FF2B5EF4-FFF2-40B4-BE49-F238E27FC236}">
                <a16:creationId xmlns:a16="http://schemas.microsoft.com/office/drawing/2014/main" id="{93C3989E-7301-40ED-8BE2-A5A84D007BD1}"/>
              </a:ext>
            </a:extLst>
          </p:cNvPr>
          <p:cNvGrpSpPr/>
          <p:nvPr/>
        </p:nvGrpSpPr>
        <p:grpSpPr>
          <a:xfrm>
            <a:off x="6973400" y="1710851"/>
            <a:ext cx="2838450" cy="800735"/>
            <a:chOff x="6990460" y="624586"/>
            <a:chExt cx="2838450" cy="800735"/>
          </a:xfrm>
        </p:grpSpPr>
        <p:pic>
          <p:nvPicPr>
            <p:cNvPr id="49" name="object 52">
              <a:extLst>
                <a:ext uri="{FF2B5EF4-FFF2-40B4-BE49-F238E27FC236}">
                  <a16:creationId xmlns:a16="http://schemas.microsoft.com/office/drawing/2014/main" id="{59010BD5-D671-4832-AEF7-946888EF3326}"/>
                </a:ext>
              </a:extLst>
            </p:cNvPr>
            <p:cNvPicPr/>
            <p:nvPr/>
          </p:nvPicPr>
          <p:blipFill>
            <a:blip r:embed="rId2" cstate="print"/>
            <a:stretch>
              <a:fillRect/>
            </a:stretch>
          </p:blipFill>
          <p:spPr>
            <a:xfrm>
              <a:off x="6993636" y="755904"/>
              <a:ext cx="2831591" cy="539496"/>
            </a:xfrm>
            <a:prstGeom prst="rect">
              <a:avLst/>
            </a:prstGeom>
          </p:spPr>
        </p:pic>
        <p:sp>
          <p:nvSpPr>
            <p:cNvPr id="50" name="object 53">
              <a:extLst>
                <a:ext uri="{FF2B5EF4-FFF2-40B4-BE49-F238E27FC236}">
                  <a16:creationId xmlns:a16="http://schemas.microsoft.com/office/drawing/2014/main" id="{37A01797-B123-44A2-933C-C3E05CF6FE7A}"/>
                </a:ext>
              </a:extLst>
            </p:cNvPr>
            <p:cNvSpPr/>
            <p:nvPr/>
          </p:nvSpPr>
          <p:spPr>
            <a:xfrm>
              <a:off x="6993635" y="755904"/>
              <a:ext cx="2832100" cy="539750"/>
            </a:xfrm>
            <a:custGeom>
              <a:avLst/>
              <a:gdLst/>
              <a:ahLst/>
              <a:cxnLst/>
              <a:rect l="l" t="t" r="r" b="b"/>
              <a:pathLst>
                <a:path w="2832100" h="539750">
                  <a:moveTo>
                    <a:pt x="0" y="134874"/>
                  </a:moveTo>
                  <a:lnTo>
                    <a:pt x="2561844" y="134874"/>
                  </a:lnTo>
                  <a:lnTo>
                    <a:pt x="2561844" y="0"/>
                  </a:lnTo>
                  <a:lnTo>
                    <a:pt x="2831592" y="269748"/>
                  </a:lnTo>
                  <a:lnTo>
                    <a:pt x="2561844" y="539496"/>
                  </a:lnTo>
                  <a:lnTo>
                    <a:pt x="2561844" y="404622"/>
                  </a:lnTo>
                  <a:lnTo>
                    <a:pt x="0" y="404622"/>
                  </a:lnTo>
                  <a:lnTo>
                    <a:pt x="0" y="134874"/>
                  </a:lnTo>
                  <a:close/>
                </a:path>
              </a:pathLst>
            </a:custGeom>
            <a:ln w="6350">
              <a:solidFill>
                <a:srgbClr val="F47C20"/>
              </a:solidFill>
            </a:ln>
          </p:spPr>
          <p:txBody>
            <a:bodyPr wrap="square" lIns="0" tIns="0" rIns="0" bIns="0" rtlCol="0"/>
            <a:lstStyle/>
            <a:p>
              <a:endParaRPr/>
            </a:p>
          </p:txBody>
        </p:sp>
        <p:sp>
          <p:nvSpPr>
            <p:cNvPr id="51" name="object 54">
              <a:extLst>
                <a:ext uri="{FF2B5EF4-FFF2-40B4-BE49-F238E27FC236}">
                  <a16:creationId xmlns:a16="http://schemas.microsoft.com/office/drawing/2014/main" id="{30599AD5-F920-48D6-8F2A-BD2EA115483A}"/>
                </a:ext>
              </a:extLst>
            </p:cNvPr>
            <p:cNvSpPr/>
            <p:nvPr/>
          </p:nvSpPr>
          <p:spPr>
            <a:xfrm>
              <a:off x="7734299" y="630936"/>
              <a:ext cx="1350645" cy="788035"/>
            </a:xfrm>
            <a:custGeom>
              <a:avLst/>
              <a:gdLst/>
              <a:ahLst/>
              <a:cxnLst/>
              <a:rect l="l" t="t" r="r" b="b"/>
              <a:pathLst>
                <a:path w="1350645" h="788035">
                  <a:moveTo>
                    <a:pt x="1080211" y="0"/>
                  </a:moveTo>
                  <a:lnTo>
                    <a:pt x="270052" y="0"/>
                  </a:lnTo>
                  <a:lnTo>
                    <a:pt x="0" y="787908"/>
                  </a:lnTo>
                  <a:lnTo>
                    <a:pt x="1350264" y="787908"/>
                  </a:lnTo>
                  <a:lnTo>
                    <a:pt x="1080211" y="0"/>
                  </a:lnTo>
                  <a:close/>
                </a:path>
              </a:pathLst>
            </a:custGeom>
            <a:solidFill>
              <a:srgbClr val="F47C20"/>
            </a:solidFill>
          </p:spPr>
          <p:txBody>
            <a:bodyPr wrap="square" lIns="0" tIns="0" rIns="0" bIns="0" rtlCol="0"/>
            <a:lstStyle/>
            <a:p>
              <a:endParaRPr/>
            </a:p>
          </p:txBody>
        </p:sp>
        <p:sp>
          <p:nvSpPr>
            <p:cNvPr id="52" name="object 55">
              <a:extLst>
                <a:ext uri="{FF2B5EF4-FFF2-40B4-BE49-F238E27FC236}">
                  <a16:creationId xmlns:a16="http://schemas.microsoft.com/office/drawing/2014/main" id="{25BC26FE-BC2B-4694-AD62-9B67D37F657C}"/>
                </a:ext>
              </a:extLst>
            </p:cNvPr>
            <p:cNvSpPr/>
            <p:nvPr/>
          </p:nvSpPr>
          <p:spPr>
            <a:xfrm>
              <a:off x="7734299" y="630936"/>
              <a:ext cx="1350645" cy="788035"/>
            </a:xfrm>
            <a:custGeom>
              <a:avLst/>
              <a:gdLst/>
              <a:ahLst/>
              <a:cxnLst/>
              <a:rect l="l" t="t" r="r" b="b"/>
              <a:pathLst>
                <a:path w="1350645" h="788035">
                  <a:moveTo>
                    <a:pt x="1350264" y="787908"/>
                  </a:moveTo>
                  <a:lnTo>
                    <a:pt x="0" y="787908"/>
                  </a:lnTo>
                  <a:lnTo>
                    <a:pt x="270052" y="0"/>
                  </a:lnTo>
                  <a:lnTo>
                    <a:pt x="1080211" y="0"/>
                  </a:lnTo>
                  <a:lnTo>
                    <a:pt x="1350264" y="787908"/>
                  </a:lnTo>
                  <a:close/>
                </a:path>
              </a:pathLst>
            </a:custGeom>
            <a:ln w="12700">
              <a:solidFill>
                <a:srgbClr val="A75C31"/>
              </a:solidFill>
            </a:ln>
          </p:spPr>
          <p:txBody>
            <a:bodyPr wrap="square" lIns="0" tIns="0" rIns="0" bIns="0" rtlCol="0"/>
            <a:lstStyle/>
            <a:p>
              <a:endParaRPr/>
            </a:p>
          </p:txBody>
        </p:sp>
      </p:grpSp>
      <p:sp>
        <p:nvSpPr>
          <p:cNvPr id="53" name="object 56">
            <a:extLst>
              <a:ext uri="{FF2B5EF4-FFF2-40B4-BE49-F238E27FC236}">
                <a16:creationId xmlns:a16="http://schemas.microsoft.com/office/drawing/2014/main" id="{A9CAF57A-C543-4F5B-BBD5-29CF0D3DAE46}"/>
              </a:ext>
            </a:extLst>
          </p:cNvPr>
          <p:cNvSpPr txBox="1"/>
          <p:nvPr/>
        </p:nvSpPr>
        <p:spPr>
          <a:xfrm>
            <a:off x="8039108" y="1906061"/>
            <a:ext cx="697865" cy="391160"/>
          </a:xfrm>
          <a:prstGeom prst="rect">
            <a:avLst/>
          </a:prstGeom>
        </p:spPr>
        <p:txBody>
          <a:bodyPr vert="horz" wrap="square" lIns="0" tIns="12700" rIns="0" bIns="0" rtlCol="0">
            <a:spAutoFit/>
          </a:bodyPr>
          <a:lstStyle/>
          <a:p>
            <a:pPr marL="12700">
              <a:lnSpc>
                <a:spcPct val="100000"/>
              </a:lnSpc>
              <a:spcBef>
                <a:spcPts val="100"/>
              </a:spcBef>
            </a:pPr>
            <a:r>
              <a:rPr sz="2400" b="1" spc="-25" dirty="0">
                <a:solidFill>
                  <a:srgbClr val="FFFFFF"/>
                </a:solidFill>
                <a:latin typeface="Segoe UI"/>
                <a:cs typeface="Segoe UI"/>
              </a:rPr>
              <a:t>CNN</a:t>
            </a:r>
            <a:endParaRPr sz="2400" dirty="0">
              <a:latin typeface="Segoe UI"/>
              <a:cs typeface="Segoe UI"/>
            </a:endParaRPr>
          </a:p>
        </p:txBody>
      </p:sp>
      <p:grpSp>
        <p:nvGrpSpPr>
          <p:cNvPr id="96" name="object 99">
            <a:extLst>
              <a:ext uri="{FF2B5EF4-FFF2-40B4-BE49-F238E27FC236}">
                <a16:creationId xmlns:a16="http://schemas.microsoft.com/office/drawing/2014/main" id="{3485B3A8-15FF-4E11-A52B-251E291D3ACC}"/>
              </a:ext>
            </a:extLst>
          </p:cNvPr>
          <p:cNvGrpSpPr/>
          <p:nvPr/>
        </p:nvGrpSpPr>
        <p:grpSpPr>
          <a:xfrm>
            <a:off x="7002251" y="3956036"/>
            <a:ext cx="2838450" cy="1255395"/>
            <a:chOff x="6990460" y="2519933"/>
            <a:chExt cx="2838450" cy="1255395"/>
          </a:xfrm>
        </p:grpSpPr>
        <p:pic>
          <p:nvPicPr>
            <p:cNvPr id="97" name="object 100">
              <a:extLst>
                <a:ext uri="{FF2B5EF4-FFF2-40B4-BE49-F238E27FC236}">
                  <a16:creationId xmlns:a16="http://schemas.microsoft.com/office/drawing/2014/main" id="{CAF906F5-5C52-482B-BBE8-28F6EBDED9A9}"/>
                </a:ext>
              </a:extLst>
            </p:cNvPr>
            <p:cNvPicPr/>
            <p:nvPr/>
          </p:nvPicPr>
          <p:blipFill>
            <a:blip r:embed="rId2" cstate="print"/>
            <a:stretch>
              <a:fillRect/>
            </a:stretch>
          </p:blipFill>
          <p:spPr>
            <a:xfrm>
              <a:off x="6993636" y="2924555"/>
              <a:ext cx="2831591" cy="539496"/>
            </a:xfrm>
            <a:prstGeom prst="rect">
              <a:avLst/>
            </a:prstGeom>
          </p:spPr>
        </p:pic>
        <p:sp>
          <p:nvSpPr>
            <p:cNvPr id="98" name="object 101">
              <a:extLst>
                <a:ext uri="{FF2B5EF4-FFF2-40B4-BE49-F238E27FC236}">
                  <a16:creationId xmlns:a16="http://schemas.microsoft.com/office/drawing/2014/main" id="{DA8FA6EA-943E-44CE-B94B-5959E5B38C5A}"/>
                </a:ext>
              </a:extLst>
            </p:cNvPr>
            <p:cNvSpPr/>
            <p:nvPr/>
          </p:nvSpPr>
          <p:spPr>
            <a:xfrm>
              <a:off x="6993635" y="2924555"/>
              <a:ext cx="2832100" cy="539750"/>
            </a:xfrm>
            <a:custGeom>
              <a:avLst/>
              <a:gdLst/>
              <a:ahLst/>
              <a:cxnLst/>
              <a:rect l="l" t="t" r="r" b="b"/>
              <a:pathLst>
                <a:path w="2832100" h="539750">
                  <a:moveTo>
                    <a:pt x="0" y="134874"/>
                  </a:moveTo>
                  <a:lnTo>
                    <a:pt x="2561844" y="134874"/>
                  </a:lnTo>
                  <a:lnTo>
                    <a:pt x="2561844" y="0"/>
                  </a:lnTo>
                  <a:lnTo>
                    <a:pt x="2831592" y="269748"/>
                  </a:lnTo>
                  <a:lnTo>
                    <a:pt x="2561844" y="539496"/>
                  </a:lnTo>
                  <a:lnTo>
                    <a:pt x="2561844" y="404622"/>
                  </a:lnTo>
                  <a:lnTo>
                    <a:pt x="0" y="404622"/>
                  </a:lnTo>
                  <a:lnTo>
                    <a:pt x="0" y="134874"/>
                  </a:lnTo>
                  <a:close/>
                </a:path>
              </a:pathLst>
            </a:custGeom>
            <a:ln w="6350">
              <a:solidFill>
                <a:srgbClr val="F47C20"/>
              </a:solidFill>
            </a:ln>
          </p:spPr>
          <p:txBody>
            <a:bodyPr wrap="square" lIns="0" tIns="0" rIns="0" bIns="0" rtlCol="0"/>
            <a:lstStyle/>
            <a:p>
              <a:endParaRPr/>
            </a:p>
          </p:txBody>
        </p:sp>
        <p:sp>
          <p:nvSpPr>
            <p:cNvPr id="99" name="object 102">
              <a:extLst>
                <a:ext uri="{FF2B5EF4-FFF2-40B4-BE49-F238E27FC236}">
                  <a16:creationId xmlns:a16="http://schemas.microsoft.com/office/drawing/2014/main" id="{BD97E4B6-C36B-4AE3-9AD4-86C637B0B732}"/>
                </a:ext>
              </a:extLst>
            </p:cNvPr>
            <p:cNvSpPr/>
            <p:nvPr/>
          </p:nvSpPr>
          <p:spPr>
            <a:xfrm>
              <a:off x="7483601" y="2910077"/>
              <a:ext cx="571500" cy="570230"/>
            </a:xfrm>
            <a:custGeom>
              <a:avLst/>
              <a:gdLst/>
              <a:ahLst/>
              <a:cxnLst/>
              <a:rect l="l" t="t" r="r" b="b"/>
              <a:pathLst>
                <a:path w="571500" h="570229">
                  <a:moveTo>
                    <a:pt x="0" y="284988"/>
                  </a:moveTo>
                  <a:lnTo>
                    <a:pt x="3740" y="238762"/>
                  </a:lnTo>
                  <a:lnTo>
                    <a:pt x="14568" y="194911"/>
                  </a:lnTo>
                  <a:lnTo>
                    <a:pt x="31895" y="154021"/>
                  </a:lnTo>
                  <a:lnTo>
                    <a:pt x="55134" y="116679"/>
                  </a:lnTo>
                  <a:lnTo>
                    <a:pt x="83696" y="83472"/>
                  </a:lnTo>
                  <a:lnTo>
                    <a:pt x="116991" y="54987"/>
                  </a:lnTo>
                  <a:lnTo>
                    <a:pt x="154433" y="31810"/>
                  </a:lnTo>
                  <a:lnTo>
                    <a:pt x="195432" y="14529"/>
                  </a:lnTo>
                  <a:lnTo>
                    <a:pt x="239401" y="3730"/>
                  </a:lnTo>
                  <a:lnTo>
                    <a:pt x="285750" y="0"/>
                  </a:lnTo>
                  <a:lnTo>
                    <a:pt x="332098" y="3730"/>
                  </a:lnTo>
                  <a:lnTo>
                    <a:pt x="376067" y="14529"/>
                  </a:lnTo>
                  <a:lnTo>
                    <a:pt x="417066" y="31810"/>
                  </a:lnTo>
                  <a:lnTo>
                    <a:pt x="454508" y="54987"/>
                  </a:lnTo>
                  <a:lnTo>
                    <a:pt x="487803" y="83472"/>
                  </a:lnTo>
                  <a:lnTo>
                    <a:pt x="516365" y="116679"/>
                  </a:lnTo>
                  <a:lnTo>
                    <a:pt x="539604" y="154021"/>
                  </a:lnTo>
                  <a:lnTo>
                    <a:pt x="556931" y="194911"/>
                  </a:lnTo>
                  <a:lnTo>
                    <a:pt x="567759" y="238762"/>
                  </a:lnTo>
                  <a:lnTo>
                    <a:pt x="571500" y="284988"/>
                  </a:lnTo>
                  <a:lnTo>
                    <a:pt x="567759" y="331213"/>
                  </a:lnTo>
                  <a:lnTo>
                    <a:pt x="556931" y="375064"/>
                  </a:lnTo>
                  <a:lnTo>
                    <a:pt x="539604" y="415954"/>
                  </a:lnTo>
                  <a:lnTo>
                    <a:pt x="516365" y="453296"/>
                  </a:lnTo>
                  <a:lnTo>
                    <a:pt x="487803" y="486503"/>
                  </a:lnTo>
                  <a:lnTo>
                    <a:pt x="454508" y="514988"/>
                  </a:lnTo>
                  <a:lnTo>
                    <a:pt x="417066" y="538165"/>
                  </a:lnTo>
                  <a:lnTo>
                    <a:pt x="376067" y="555446"/>
                  </a:lnTo>
                  <a:lnTo>
                    <a:pt x="332098" y="566245"/>
                  </a:lnTo>
                  <a:lnTo>
                    <a:pt x="285750" y="569976"/>
                  </a:lnTo>
                  <a:lnTo>
                    <a:pt x="239401" y="566245"/>
                  </a:lnTo>
                  <a:lnTo>
                    <a:pt x="195432" y="555446"/>
                  </a:lnTo>
                  <a:lnTo>
                    <a:pt x="154433" y="538165"/>
                  </a:lnTo>
                  <a:lnTo>
                    <a:pt x="116991" y="514988"/>
                  </a:lnTo>
                  <a:lnTo>
                    <a:pt x="83696" y="486503"/>
                  </a:lnTo>
                  <a:lnTo>
                    <a:pt x="55134" y="453296"/>
                  </a:lnTo>
                  <a:lnTo>
                    <a:pt x="31895" y="415954"/>
                  </a:lnTo>
                  <a:lnTo>
                    <a:pt x="14568" y="375064"/>
                  </a:lnTo>
                  <a:lnTo>
                    <a:pt x="3740" y="331213"/>
                  </a:lnTo>
                  <a:lnTo>
                    <a:pt x="0" y="284988"/>
                  </a:lnTo>
                  <a:close/>
                </a:path>
              </a:pathLst>
            </a:custGeom>
            <a:ln w="38100">
              <a:solidFill>
                <a:srgbClr val="F47C20"/>
              </a:solidFill>
            </a:ln>
          </p:spPr>
          <p:txBody>
            <a:bodyPr wrap="square" lIns="0" tIns="0" rIns="0" bIns="0" rtlCol="0"/>
            <a:lstStyle/>
            <a:p>
              <a:endParaRPr/>
            </a:p>
          </p:txBody>
        </p:sp>
        <p:sp>
          <p:nvSpPr>
            <p:cNvPr id="100" name="object 103">
              <a:extLst>
                <a:ext uri="{FF2B5EF4-FFF2-40B4-BE49-F238E27FC236}">
                  <a16:creationId xmlns:a16="http://schemas.microsoft.com/office/drawing/2014/main" id="{ADB62E64-DB30-4E60-9B03-1458C1B6F759}"/>
                </a:ext>
              </a:extLst>
            </p:cNvPr>
            <p:cNvSpPr/>
            <p:nvPr/>
          </p:nvSpPr>
          <p:spPr>
            <a:xfrm>
              <a:off x="7866329" y="3363848"/>
              <a:ext cx="142240" cy="132715"/>
            </a:xfrm>
            <a:custGeom>
              <a:avLst/>
              <a:gdLst/>
              <a:ahLst/>
              <a:cxnLst/>
              <a:rect l="l" t="t" r="r" b="b"/>
              <a:pathLst>
                <a:path w="142240" h="132714">
                  <a:moveTo>
                    <a:pt x="141795" y="0"/>
                  </a:moveTo>
                  <a:lnTo>
                    <a:pt x="0" y="18478"/>
                  </a:lnTo>
                  <a:lnTo>
                    <a:pt x="87439" y="132257"/>
                  </a:lnTo>
                  <a:lnTo>
                    <a:pt x="141795" y="0"/>
                  </a:lnTo>
                  <a:close/>
                </a:path>
              </a:pathLst>
            </a:custGeom>
            <a:solidFill>
              <a:srgbClr val="F47C20"/>
            </a:solidFill>
          </p:spPr>
          <p:txBody>
            <a:bodyPr wrap="square" lIns="0" tIns="0" rIns="0" bIns="0" rtlCol="0"/>
            <a:lstStyle/>
            <a:p>
              <a:endParaRPr/>
            </a:p>
          </p:txBody>
        </p:sp>
        <p:sp>
          <p:nvSpPr>
            <p:cNvPr id="101" name="object 104">
              <a:extLst>
                <a:ext uri="{FF2B5EF4-FFF2-40B4-BE49-F238E27FC236}">
                  <a16:creationId xmlns:a16="http://schemas.microsoft.com/office/drawing/2014/main" id="{F63FA093-C2A2-4D18-8433-0C5D3FB74D0C}"/>
                </a:ext>
              </a:extLst>
            </p:cNvPr>
            <p:cNvSpPr/>
            <p:nvPr/>
          </p:nvSpPr>
          <p:spPr>
            <a:xfrm>
              <a:off x="8404097" y="2615183"/>
              <a:ext cx="0" cy="1160145"/>
            </a:xfrm>
            <a:custGeom>
              <a:avLst/>
              <a:gdLst/>
              <a:ahLst/>
              <a:cxnLst/>
              <a:rect l="l" t="t" r="r" b="b"/>
              <a:pathLst>
                <a:path h="1160145">
                  <a:moveTo>
                    <a:pt x="0" y="1159852"/>
                  </a:moveTo>
                  <a:lnTo>
                    <a:pt x="0" y="0"/>
                  </a:lnTo>
                </a:path>
              </a:pathLst>
            </a:custGeom>
            <a:ln w="38100">
              <a:solidFill>
                <a:srgbClr val="F47C20"/>
              </a:solidFill>
            </a:ln>
          </p:spPr>
          <p:txBody>
            <a:bodyPr wrap="square" lIns="0" tIns="0" rIns="0" bIns="0" rtlCol="0"/>
            <a:lstStyle/>
            <a:p>
              <a:endParaRPr/>
            </a:p>
          </p:txBody>
        </p:sp>
        <p:sp>
          <p:nvSpPr>
            <p:cNvPr id="102" name="object 105">
              <a:extLst>
                <a:ext uri="{FF2B5EF4-FFF2-40B4-BE49-F238E27FC236}">
                  <a16:creationId xmlns:a16="http://schemas.microsoft.com/office/drawing/2014/main" id="{B2D3E4A0-76BB-4070-9073-39C35C0C6F4E}"/>
                </a:ext>
              </a:extLst>
            </p:cNvPr>
            <p:cNvSpPr/>
            <p:nvPr/>
          </p:nvSpPr>
          <p:spPr>
            <a:xfrm>
              <a:off x="7946136" y="2519933"/>
              <a:ext cx="914400" cy="1131570"/>
            </a:xfrm>
            <a:custGeom>
              <a:avLst/>
              <a:gdLst/>
              <a:ahLst/>
              <a:cxnLst/>
              <a:rect l="l" t="t" r="r" b="b"/>
              <a:pathLst>
                <a:path w="914400" h="1131570">
                  <a:moveTo>
                    <a:pt x="515112" y="114300"/>
                  </a:moveTo>
                  <a:lnTo>
                    <a:pt x="457962" y="0"/>
                  </a:lnTo>
                  <a:lnTo>
                    <a:pt x="400812" y="114300"/>
                  </a:lnTo>
                  <a:lnTo>
                    <a:pt x="515112" y="114300"/>
                  </a:lnTo>
                  <a:close/>
                </a:path>
                <a:path w="914400" h="1131570">
                  <a:moveTo>
                    <a:pt x="914400" y="674370"/>
                  </a:moveTo>
                  <a:lnTo>
                    <a:pt x="912037" y="627634"/>
                  </a:lnTo>
                  <a:lnTo>
                    <a:pt x="905103" y="582231"/>
                  </a:lnTo>
                  <a:lnTo>
                    <a:pt x="893838" y="538416"/>
                  </a:lnTo>
                  <a:lnTo>
                    <a:pt x="878459" y="496417"/>
                  </a:lnTo>
                  <a:lnTo>
                    <a:pt x="859205" y="456450"/>
                  </a:lnTo>
                  <a:lnTo>
                    <a:pt x="836307" y="418757"/>
                  </a:lnTo>
                  <a:lnTo>
                    <a:pt x="809993" y="383552"/>
                  </a:lnTo>
                  <a:lnTo>
                    <a:pt x="780478" y="351091"/>
                  </a:lnTo>
                  <a:lnTo>
                    <a:pt x="748017" y="321576"/>
                  </a:lnTo>
                  <a:lnTo>
                    <a:pt x="712812" y="295262"/>
                  </a:lnTo>
                  <a:lnTo>
                    <a:pt x="675119" y="272364"/>
                  </a:lnTo>
                  <a:lnTo>
                    <a:pt x="635152" y="253111"/>
                  </a:lnTo>
                  <a:lnTo>
                    <a:pt x="593153" y="237731"/>
                  </a:lnTo>
                  <a:lnTo>
                    <a:pt x="549338" y="226466"/>
                  </a:lnTo>
                  <a:lnTo>
                    <a:pt x="503936" y="219532"/>
                  </a:lnTo>
                  <a:lnTo>
                    <a:pt x="457200" y="217170"/>
                  </a:lnTo>
                  <a:lnTo>
                    <a:pt x="410451" y="219532"/>
                  </a:lnTo>
                  <a:lnTo>
                    <a:pt x="365048" y="226466"/>
                  </a:lnTo>
                  <a:lnTo>
                    <a:pt x="321233" y="237731"/>
                  </a:lnTo>
                  <a:lnTo>
                    <a:pt x="279234" y="253111"/>
                  </a:lnTo>
                  <a:lnTo>
                    <a:pt x="239268" y="272364"/>
                  </a:lnTo>
                  <a:lnTo>
                    <a:pt x="201574" y="295262"/>
                  </a:lnTo>
                  <a:lnTo>
                    <a:pt x="166370" y="321576"/>
                  </a:lnTo>
                  <a:lnTo>
                    <a:pt x="133908" y="351091"/>
                  </a:lnTo>
                  <a:lnTo>
                    <a:pt x="104394" y="383552"/>
                  </a:lnTo>
                  <a:lnTo>
                    <a:pt x="78079" y="418757"/>
                  </a:lnTo>
                  <a:lnTo>
                    <a:pt x="55181" y="456450"/>
                  </a:lnTo>
                  <a:lnTo>
                    <a:pt x="35928" y="496417"/>
                  </a:lnTo>
                  <a:lnTo>
                    <a:pt x="20548" y="538416"/>
                  </a:lnTo>
                  <a:lnTo>
                    <a:pt x="9283" y="582231"/>
                  </a:lnTo>
                  <a:lnTo>
                    <a:pt x="2349" y="627634"/>
                  </a:lnTo>
                  <a:lnTo>
                    <a:pt x="0" y="674370"/>
                  </a:lnTo>
                  <a:lnTo>
                    <a:pt x="2349" y="721118"/>
                  </a:lnTo>
                  <a:lnTo>
                    <a:pt x="9283" y="766521"/>
                  </a:lnTo>
                  <a:lnTo>
                    <a:pt x="20548" y="810336"/>
                  </a:lnTo>
                  <a:lnTo>
                    <a:pt x="35928" y="852335"/>
                  </a:lnTo>
                  <a:lnTo>
                    <a:pt x="55181" y="892302"/>
                  </a:lnTo>
                  <a:lnTo>
                    <a:pt x="78079" y="929995"/>
                  </a:lnTo>
                  <a:lnTo>
                    <a:pt x="104394" y="965200"/>
                  </a:lnTo>
                  <a:lnTo>
                    <a:pt x="133908" y="997661"/>
                  </a:lnTo>
                  <a:lnTo>
                    <a:pt x="166370" y="1027176"/>
                  </a:lnTo>
                  <a:lnTo>
                    <a:pt x="201574" y="1053490"/>
                  </a:lnTo>
                  <a:lnTo>
                    <a:pt x="239268" y="1076388"/>
                  </a:lnTo>
                  <a:lnTo>
                    <a:pt x="279234" y="1095641"/>
                  </a:lnTo>
                  <a:lnTo>
                    <a:pt x="321233" y="1111021"/>
                  </a:lnTo>
                  <a:lnTo>
                    <a:pt x="365048" y="1122286"/>
                  </a:lnTo>
                  <a:lnTo>
                    <a:pt x="410451" y="1129220"/>
                  </a:lnTo>
                  <a:lnTo>
                    <a:pt x="457200" y="1131570"/>
                  </a:lnTo>
                  <a:lnTo>
                    <a:pt x="503936" y="1129220"/>
                  </a:lnTo>
                  <a:lnTo>
                    <a:pt x="549338" y="1122286"/>
                  </a:lnTo>
                  <a:lnTo>
                    <a:pt x="593153" y="1111021"/>
                  </a:lnTo>
                  <a:lnTo>
                    <a:pt x="635152" y="1095641"/>
                  </a:lnTo>
                  <a:lnTo>
                    <a:pt x="675119" y="1076388"/>
                  </a:lnTo>
                  <a:lnTo>
                    <a:pt x="712812" y="1053490"/>
                  </a:lnTo>
                  <a:lnTo>
                    <a:pt x="748017" y="1027176"/>
                  </a:lnTo>
                  <a:lnTo>
                    <a:pt x="780478" y="997661"/>
                  </a:lnTo>
                  <a:lnTo>
                    <a:pt x="809993" y="965200"/>
                  </a:lnTo>
                  <a:lnTo>
                    <a:pt x="836307" y="929995"/>
                  </a:lnTo>
                  <a:lnTo>
                    <a:pt x="859205" y="892302"/>
                  </a:lnTo>
                  <a:lnTo>
                    <a:pt x="878459" y="852335"/>
                  </a:lnTo>
                  <a:lnTo>
                    <a:pt x="893838" y="810336"/>
                  </a:lnTo>
                  <a:lnTo>
                    <a:pt x="905103" y="766521"/>
                  </a:lnTo>
                  <a:lnTo>
                    <a:pt x="912037" y="721118"/>
                  </a:lnTo>
                  <a:lnTo>
                    <a:pt x="914400" y="674370"/>
                  </a:lnTo>
                  <a:close/>
                </a:path>
              </a:pathLst>
            </a:custGeom>
            <a:solidFill>
              <a:srgbClr val="F47C20"/>
            </a:solidFill>
          </p:spPr>
          <p:txBody>
            <a:bodyPr wrap="square" lIns="0" tIns="0" rIns="0" bIns="0" rtlCol="0"/>
            <a:lstStyle/>
            <a:p>
              <a:endParaRPr/>
            </a:p>
          </p:txBody>
        </p:sp>
        <p:sp>
          <p:nvSpPr>
            <p:cNvPr id="103" name="object 106">
              <a:extLst>
                <a:ext uri="{FF2B5EF4-FFF2-40B4-BE49-F238E27FC236}">
                  <a16:creationId xmlns:a16="http://schemas.microsoft.com/office/drawing/2014/main" id="{E663CEC6-CDD9-4BD0-B2FC-3F14AC471525}"/>
                </a:ext>
              </a:extLst>
            </p:cNvPr>
            <p:cNvSpPr/>
            <p:nvPr/>
          </p:nvSpPr>
          <p:spPr>
            <a:xfrm>
              <a:off x="7946135" y="2737103"/>
              <a:ext cx="914400" cy="914400"/>
            </a:xfrm>
            <a:custGeom>
              <a:avLst/>
              <a:gdLst/>
              <a:ahLst/>
              <a:cxnLst/>
              <a:rect l="l" t="t" r="r" b="b"/>
              <a:pathLst>
                <a:path w="914400" h="914400">
                  <a:moveTo>
                    <a:pt x="0" y="457200"/>
                  </a:moveTo>
                  <a:lnTo>
                    <a:pt x="2360" y="410454"/>
                  </a:lnTo>
                  <a:lnTo>
                    <a:pt x="9288" y="365059"/>
                  </a:lnTo>
                  <a:lnTo>
                    <a:pt x="20555" y="321243"/>
                  </a:lnTo>
                  <a:lnTo>
                    <a:pt x="35929" y="279238"/>
                  </a:lnTo>
                  <a:lnTo>
                    <a:pt x="55182" y="239272"/>
                  </a:lnTo>
                  <a:lnTo>
                    <a:pt x="78083" y="201576"/>
                  </a:lnTo>
                  <a:lnTo>
                    <a:pt x="104403" y="166379"/>
                  </a:lnTo>
                  <a:lnTo>
                    <a:pt x="133911" y="133911"/>
                  </a:lnTo>
                  <a:lnTo>
                    <a:pt x="166379" y="104403"/>
                  </a:lnTo>
                  <a:lnTo>
                    <a:pt x="201576" y="78083"/>
                  </a:lnTo>
                  <a:lnTo>
                    <a:pt x="239272" y="55182"/>
                  </a:lnTo>
                  <a:lnTo>
                    <a:pt x="279238" y="35929"/>
                  </a:lnTo>
                  <a:lnTo>
                    <a:pt x="321243" y="20555"/>
                  </a:lnTo>
                  <a:lnTo>
                    <a:pt x="365059" y="9288"/>
                  </a:lnTo>
                  <a:lnTo>
                    <a:pt x="410454" y="2360"/>
                  </a:lnTo>
                  <a:lnTo>
                    <a:pt x="457200" y="0"/>
                  </a:lnTo>
                  <a:lnTo>
                    <a:pt x="503945" y="2360"/>
                  </a:lnTo>
                  <a:lnTo>
                    <a:pt x="549340" y="9288"/>
                  </a:lnTo>
                  <a:lnTo>
                    <a:pt x="593156" y="20555"/>
                  </a:lnTo>
                  <a:lnTo>
                    <a:pt x="635161" y="35929"/>
                  </a:lnTo>
                  <a:lnTo>
                    <a:pt x="675127" y="55182"/>
                  </a:lnTo>
                  <a:lnTo>
                    <a:pt x="712823" y="78083"/>
                  </a:lnTo>
                  <a:lnTo>
                    <a:pt x="748020" y="104403"/>
                  </a:lnTo>
                  <a:lnTo>
                    <a:pt x="780488" y="133911"/>
                  </a:lnTo>
                  <a:lnTo>
                    <a:pt x="809996" y="166379"/>
                  </a:lnTo>
                  <a:lnTo>
                    <a:pt x="836316" y="201576"/>
                  </a:lnTo>
                  <a:lnTo>
                    <a:pt x="859217" y="239272"/>
                  </a:lnTo>
                  <a:lnTo>
                    <a:pt x="878470" y="279238"/>
                  </a:lnTo>
                  <a:lnTo>
                    <a:pt x="893844" y="321243"/>
                  </a:lnTo>
                  <a:lnTo>
                    <a:pt x="905111" y="365059"/>
                  </a:lnTo>
                  <a:lnTo>
                    <a:pt x="912039" y="410454"/>
                  </a:lnTo>
                  <a:lnTo>
                    <a:pt x="914400" y="457200"/>
                  </a:lnTo>
                  <a:lnTo>
                    <a:pt x="912039" y="503945"/>
                  </a:lnTo>
                  <a:lnTo>
                    <a:pt x="905111" y="549340"/>
                  </a:lnTo>
                  <a:lnTo>
                    <a:pt x="893844" y="593156"/>
                  </a:lnTo>
                  <a:lnTo>
                    <a:pt x="878470" y="635161"/>
                  </a:lnTo>
                  <a:lnTo>
                    <a:pt x="859217" y="675127"/>
                  </a:lnTo>
                  <a:lnTo>
                    <a:pt x="836316" y="712823"/>
                  </a:lnTo>
                  <a:lnTo>
                    <a:pt x="809996" y="748020"/>
                  </a:lnTo>
                  <a:lnTo>
                    <a:pt x="780488" y="780488"/>
                  </a:lnTo>
                  <a:lnTo>
                    <a:pt x="748020" y="809996"/>
                  </a:lnTo>
                  <a:lnTo>
                    <a:pt x="712823" y="836316"/>
                  </a:lnTo>
                  <a:lnTo>
                    <a:pt x="675127" y="859217"/>
                  </a:lnTo>
                  <a:lnTo>
                    <a:pt x="635161" y="878470"/>
                  </a:lnTo>
                  <a:lnTo>
                    <a:pt x="593156" y="893844"/>
                  </a:lnTo>
                  <a:lnTo>
                    <a:pt x="549340" y="905111"/>
                  </a:lnTo>
                  <a:lnTo>
                    <a:pt x="503945" y="912039"/>
                  </a:lnTo>
                  <a:lnTo>
                    <a:pt x="457200" y="914400"/>
                  </a:lnTo>
                  <a:lnTo>
                    <a:pt x="410454" y="912039"/>
                  </a:lnTo>
                  <a:lnTo>
                    <a:pt x="365059" y="905111"/>
                  </a:lnTo>
                  <a:lnTo>
                    <a:pt x="321243" y="893844"/>
                  </a:lnTo>
                  <a:lnTo>
                    <a:pt x="279238" y="878470"/>
                  </a:lnTo>
                  <a:lnTo>
                    <a:pt x="239272" y="859217"/>
                  </a:lnTo>
                  <a:lnTo>
                    <a:pt x="201576" y="836316"/>
                  </a:lnTo>
                  <a:lnTo>
                    <a:pt x="166379" y="809996"/>
                  </a:lnTo>
                  <a:lnTo>
                    <a:pt x="133911" y="780488"/>
                  </a:lnTo>
                  <a:lnTo>
                    <a:pt x="104403" y="748020"/>
                  </a:lnTo>
                  <a:lnTo>
                    <a:pt x="78083" y="712823"/>
                  </a:lnTo>
                  <a:lnTo>
                    <a:pt x="55182" y="675127"/>
                  </a:lnTo>
                  <a:lnTo>
                    <a:pt x="35929" y="635161"/>
                  </a:lnTo>
                  <a:lnTo>
                    <a:pt x="20555" y="593156"/>
                  </a:lnTo>
                  <a:lnTo>
                    <a:pt x="9288" y="549340"/>
                  </a:lnTo>
                  <a:lnTo>
                    <a:pt x="2360" y="503945"/>
                  </a:lnTo>
                  <a:lnTo>
                    <a:pt x="0" y="457200"/>
                  </a:lnTo>
                  <a:close/>
                </a:path>
              </a:pathLst>
            </a:custGeom>
            <a:ln w="12700">
              <a:solidFill>
                <a:srgbClr val="A75C31"/>
              </a:solidFill>
            </a:ln>
          </p:spPr>
          <p:txBody>
            <a:bodyPr wrap="square" lIns="0" tIns="0" rIns="0" bIns="0" rtlCol="0"/>
            <a:lstStyle/>
            <a:p>
              <a:endParaRPr/>
            </a:p>
          </p:txBody>
        </p:sp>
      </p:grpSp>
      <p:sp>
        <p:nvSpPr>
          <p:cNvPr id="104" name="object 107">
            <a:extLst>
              <a:ext uri="{FF2B5EF4-FFF2-40B4-BE49-F238E27FC236}">
                <a16:creationId xmlns:a16="http://schemas.microsoft.com/office/drawing/2014/main" id="{8C95CD52-12FE-4EF8-AF42-439F3BDEAA44}"/>
              </a:ext>
            </a:extLst>
          </p:cNvPr>
          <p:cNvSpPr txBox="1"/>
          <p:nvPr/>
        </p:nvSpPr>
        <p:spPr>
          <a:xfrm>
            <a:off x="8057151" y="4425136"/>
            <a:ext cx="707390" cy="391160"/>
          </a:xfrm>
          <a:prstGeom prst="rect">
            <a:avLst/>
          </a:prstGeom>
        </p:spPr>
        <p:txBody>
          <a:bodyPr vert="horz" wrap="square" lIns="0" tIns="12700" rIns="0" bIns="0" rtlCol="0">
            <a:spAutoFit/>
          </a:bodyPr>
          <a:lstStyle/>
          <a:p>
            <a:pPr marL="12700">
              <a:lnSpc>
                <a:spcPct val="100000"/>
              </a:lnSpc>
              <a:spcBef>
                <a:spcPts val="100"/>
              </a:spcBef>
            </a:pPr>
            <a:r>
              <a:rPr sz="2400" b="1" spc="-25" dirty="0">
                <a:solidFill>
                  <a:srgbClr val="FFFFFF"/>
                </a:solidFill>
                <a:latin typeface="Segoe UI"/>
                <a:cs typeface="Segoe UI"/>
              </a:rPr>
              <a:t>RNN</a:t>
            </a:r>
            <a:endParaRPr sz="2400">
              <a:latin typeface="Segoe UI"/>
              <a:cs typeface="Segoe UI"/>
            </a:endParaRPr>
          </a:p>
        </p:txBody>
      </p:sp>
      <p:sp>
        <p:nvSpPr>
          <p:cNvPr id="118" name="object 121">
            <a:extLst>
              <a:ext uri="{FF2B5EF4-FFF2-40B4-BE49-F238E27FC236}">
                <a16:creationId xmlns:a16="http://schemas.microsoft.com/office/drawing/2014/main" id="{2707EE7E-B437-4ADA-A97F-2ECC488D4C80}"/>
              </a:ext>
            </a:extLst>
          </p:cNvPr>
          <p:cNvSpPr txBox="1"/>
          <p:nvPr/>
        </p:nvSpPr>
        <p:spPr>
          <a:xfrm>
            <a:off x="309592" y="3963675"/>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sp>
        <p:nvSpPr>
          <p:cNvPr id="144" name="object 147">
            <a:extLst>
              <a:ext uri="{FF2B5EF4-FFF2-40B4-BE49-F238E27FC236}">
                <a16:creationId xmlns:a16="http://schemas.microsoft.com/office/drawing/2014/main" id="{58912734-1248-458D-9AE8-BC56AC0AE894}"/>
              </a:ext>
            </a:extLst>
          </p:cNvPr>
          <p:cNvSpPr txBox="1"/>
          <p:nvPr/>
        </p:nvSpPr>
        <p:spPr>
          <a:xfrm>
            <a:off x="2760311" y="3963675"/>
            <a:ext cx="3098165"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 pos="1972945" algn="l"/>
                <a:tab pos="2463165" algn="l"/>
                <a:tab pos="295338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grpSp>
        <p:nvGrpSpPr>
          <p:cNvPr id="145" name="object 148">
            <a:extLst>
              <a:ext uri="{FF2B5EF4-FFF2-40B4-BE49-F238E27FC236}">
                <a16:creationId xmlns:a16="http://schemas.microsoft.com/office/drawing/2014/main" id="{777E63E2-0FDF-4BAF-B961-DB6FEF742DCE}"/>
              </a:ext>
            </a:extLst>
          </p:cNvPr>
          <p:cNvGrpSpPr/>
          <p:nvPr/>
        </p:nvGrpSpPr>
        <p:grpSpPr>
          <a:xfrm>
            <a:off x="332414" y="3136409"/>
            <a:ext cx="5504815" cy="330835"/>
            <a:chOff x="6393192" y="5688329"/>
            <a:chExt cx="5504815" cy="330835"/>
          </a:xfrm>
        </p:grpSpPr>
        <p:sp>
          <p:nvSpPr>
            <p:cNvPr id="146" name="object 149">
              <a:extLst>
                <a:ext uri="{FF2B5EF4-FFF2-40B4-BE49-F238E27FC236}">
                  <a16:creationId xmlns:a16="http://schemas.microsoft.com/office/drawing/2014/main" id="{8CB1E5C9-7205-45FA-BDCE-A1427D37D675}"/>
                </a:ext>
              </a:extLst>
            </p:cNvPr>
            <p:cNvSpPr/>
            <p:nvPr/>
          </p:nvSpPr>
          <p:spPr>
            <a:xfrm>
              <a:off x="6450330"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47" name="object 150">
              <a:extLst>
                <a:ext uri="{FF2B5EF4-FFF2-40B4-BE49-F238E27FC236}">
                  <a16:creationId xmlns:a16="http://schemas.microsoft.com/office/drawing/2014/main" id="{BFC7766E-EEBD-4693-81E2-62EE45BD1349}"/>
                </a:ext>
              </a:extLst>
            </p:cNvPr>
            <p:cNvSpPr/>
            <p:nvPr/>
          </p:nvSpPr>
          <p:spPr>
            <a:xfrm>
              <a:off x="6393192"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48" name="object 151">
              <a:extLst>
                <a:ext uri="{FF2B5EF4-FFF2-40B4-BE49-F238E27FC236}">
                  <a16:creationId xmlns:a16="http://schemas.microsoft.com/office/drawing/2014/main" id="{174E063C-683C-46DC-9DB3-3E0414C41F0D}"/>
                </a:ext>
              </a:extLst>
            </p:cNvPr>
            <p:cNvSpPr/>
            <p:nvPr/>
          </p:nvSpPr>
          <p:spPr>
            <a:xfrm>
              <a:off x="11840717"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49" name="object 152">
              <a:extLst>
                <a:ext uri="{FF2B5EF4-FFF2-40B4-BE49-F238E27FC236}">
                  <a16:creationId xmlns:a16="http://schemas.microsoft.com/office/drawing/2014/main" id="{787C1B99-2F64-459C-ADA6-B9423DC53626}"/>
                </a:ext>
              </a:extLst>
            </p:cNvPr>
            <p:cNvSpPr/>
            <p:nvPr/>
          </p:nvSpPr>
          <p:spPr>
            <a:xfrm>
              <a:off x="11783580"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50" name="object 153">
              <a:extLst>
                <a:ext uri="{FF2B5EF4-FFF2-40B4-BE49-F238E27FC236}">
                  <a16:creationId xmlns:a16="http://schemas.microsoft.com/office/drawing/2014/main" id="{27617517-6654-4438-9F0B-68329AED233A}"/>
                </a:ext>
              </a:extLst>
            </p:cNvPr>
            <p:cNvSpPr/>
            <p:nvPr/>
          </p:nvSpPr>
          <p:spPr>
            <a:xfrm>
              <a:off x="6939534"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51" name="object 154">
              <a:extLst>
                <a:ext uri="{FF2B5EF4-FFF2-40B4-BE49-F238E27FC236}">
                  <a16:creationId xmlns:a16="http://schemas.microsoft.com/office/drawing/2014/main" id="{F42A5293-4B44-4E09-BE0A-5DCD7DCC7174}"/>
                </a:ext>
              </a:extLst>
            </p:cNvPr>
            <p:cNvSpPr/>
            <p:nvPr/>
          </p:nvSpPr>
          <p:spPr>
            <a:xfrm>
              <a:off x="6882384"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52" name="object 155">
              <a:extLst>
                <a:ext uri="{FF2B5EF4-FFF2-40B4-BE49-F238E27FC236}">
                  <a16:creationId xmlns:a16="http://schemas.microsoft.com/office/drawing/2014/main" id="{CAA1073D-0E0C-4A89-A311-AF293DE18FA7}"/>
                </a:ext>
              </a:extLst>
            </p:cNvPr>
            <p:cNvSpPr/>
            <p:nvPr/>
          </p:nvSpPr>
          <p:spPr>
            <a:xfrm>
              <a:off x="7430261"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53" name="object 156">
              <a:extLst>
                <a:ext uri="{FF2B5EF4-FFF2-40B4-BE49-F238E27FC236}">
                  <a16:creationId xmlns:a16="http://schemas.microsoft.com/office/drawing/2014/main" id="{12813EE2-1E42-4457-8334-076A870BA116}"/>
                </a:ext>
              </a:extLst>
            </p:cNvPr>
            <p:cNvSpPr/>
            <p:nvPr/>
          </p:nvSpPr>
          <p:spPr>
            <a:xfrm>
              <a:off x="7373111"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54" name="object 157">
              <a:extLst>
                <a:ext uri="{FF2B5EF4-FFF2-40B4-BE49-F238E27FC236}">
                  <a16:creationId xmlns:a16="http://schemas.microsoft.com/office/drawing/2014/main" id="{AA859123-BF57-4661-BF8A-F28F45A4A0A6}"/>
                </a:ext>
              </a:extLst>
            </p:cNvPr>
            <p:cNvSpPr/>
            <p:nvPr/>
          </p:nvSpPr>
          <p:spPr>
            <a:xfrm>
              <a:off x="7919466"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55" name="object 158">
              <a:extLst>
                <a:ext uri="{FF2B5EF4-FFF2-40B4-BE49-F238E27FC236}">
                  <a16:creationId xmlns:a16="http://schemas.microsoft.com/office/drawing/2014/main" id="{6590512B-41B6-40C1-9D7E-6F63248E1896}"/>
                </a:ext>
              </a:extLst>
            </p:cNvPr>
            <p:cNvSpPr/>
            <p:nvPr/>
          </p:nvSpPr>
          <p:spPr>
            <a:xfrm>
              <a:off x="7862316"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56" name="object 159">
              <a:extLst>
                <a:ext uri="{FF2B5EF4-FFF2-40B4-BE49-F238E27FC236}">
                  <a16:creationId xmlns:a16="http://schemas.microsoft.com/office/drawing/2014/main" id="{C467264B-0958-46F4-B8EC-4F8C6210CA2D}"/>
                </a:ext>
              </a:extLst>
            </p:cNvPr>
            <p:cNvSpPr/>
            <p:nvPr/>
          </p:nvSpPr>
          <p:spPr>
            <a:xfrm>
              <a:off x="8410194"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57" name="object 160">
              <a:extLst>
                <a:ext uri="{FF2B5EF4-FFF2-40B4-BE49-F238E27FC236}">
                  <a16:creationId xmlns:a16="http://schemas.microsoft.com/office/drawing/2014/main" id="{2BED314C-F14A-4B2D-858B-A26EA8ADE2A6}"/>
                </a:ext>
              </a:extLst>
            </p:cNvPr>
            <p:cNvSpPr/>
            <p:nvPr/>
          </p:nvSpPr>
          <p:spPr>
            <a:xfrm>
              <a:off x="8353044"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58" name="object 161">
              <a:extLst>
                <a:ext uri="{FF2B5EF4-FFF2-40B4-BE49-F238E27FC236}">
                  <a16:creationId xmlns:a16="http://schemas.microsoft.com/office/drawing/2014/main" id="{0CA429D9-3DD8-4399-831F-788A521F3F47}"/>
                </a:ext>
              </a:extLst>
            </p:cNvPr>
            <p:cNvSpPr/>
            <p:nvPr/>
          </p:nvSpPr>
          <p:spPr>
            <a:xfrm>
              <a:off x="8900922"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59" name="object 162">
              <a:extLst>
                <a:ext uri="{FF2B5EF4-FFF2-40B4-BE49-F238E27FC236}">
                  <a16:creationId xmlns:a16="http://schemas.microsoft.com/office/drawing/2014/main" id="{BD075F6E-0BEE-456E-A194-E8B1C65C2167}"/>
                </a:ext>
              </a:extLst>
            </p:cNvPr>
            <p:cNvSpPr/>
            <p:nvPr/>
          </p:nvSpPr>
          <p:spPr>
            <a:xfrm>
              <a:off x="8843772"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60" name="object 163">
              <a:extLst>
                <a:ext uri="{FF2B5EF4-FFF2-40B4-BE49-F238E27FC236}">
                  <a16:creationId xmlns:a16="http://schemas.microsoft.com/office/drawing/2014/main" id="{8EEEF671-559F-46FE-BF40-774CBCC920B6}"/>
                </a:ext>
              </a:extLst>
            </p:cNvPr>
            <p:cNvSpPr/>
            <p:nvPr/>
          </p:nvSpPr>
          <p:spPr>
            <a:xfrm>
              <a:off x="9390126"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61" name="object 164">
              <a:extLst>
                <a:ext uri="{FF2B5EF4-FFF2-40B4-BE49-F238E27FC236}">
                  <a16:creationId xmlns:a16="http://schemas.microsoft.com/office/drawing/2014/main" id="{82FC1A78-98EF-4CFB-9DDE-30DF70590361}"/>
                </a:ext>
              </a:extLst>
            </p:cNvPr>
            <p:cNvSpPr/>
            <p:nvPr/>
          </p:nvSpPr>
          <p:spPr>
            <a:xfrm>
              <a:off x="9332976"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62" name="object 165">
              <a:extLst>
                <a:ext uri="{FF2B5EF4-FFF2-40B4-BE49-F238E27FC236}">
                  <a16:creationId xmlns:a16="http://schemas.microsoft.com/office/drawing/2014/main" id="{BBE6D685-C990-499E-9F48-DB1E3591936B}"/>
                </a:ext>
              </a:extLst>
            </p:cNvPr>
            <p:cNvSpPr/>
            <p:nvPr/>
          </p:nvSpPr>
          <p:spPr>
            <a:xfrm>
              <a:off x="9880853"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63" name="object 166">
              <a:extLst>
                <a:ext uri="{FF2B5EF4-FFF2-40B4-BE49-F238E27FC236}">
                  <a16:creationId xmlns:a16="http://schemas.microsoft.com/office/drawing/2014/main" id="{72F60E02-FAE3-4B8B-B805-B27BEAB6DFE2}"/>
                </a:ext>
              </a:extLst>
            </p:cNvPr>
            <p:cNvSpPr/>
            <p:nvPr/>
          </p:nvSpPr>
          <p:spPr>
            <a:xfrm>
              <a:off x="9823703"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64" name="object 167">
              <a:extLst>
                <a:ext uri="{FF2B5EF4-FFF2-40B4-BE49-F238E27FC236}">
                  <a16:creationId xmlns:a16="http://schemas.microsoft.com/office/drawing/2014/main" id="{1520CFE6-DE17-48CC-A3AF-6125B8598510}"/>
                </a:ext>
              </a:extLst>
            </p:cNvPr>
            <p:cNvSpPr/>
            <p:nvPr/>
          </p:nvSpPr>
          <p:spPr>
            <a:xfrm>
              <a:off x="10371582"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65" name="object 168">
              <a:extLst>
                <a:ext uri="{FF2B5EF4-FFF2-40B4-BE49-F238E27FC236}">
                  <a16:creationId xmlns:a16="http://schemas.microsoft.com/office/drawing/2014/main" id="{08597AC5-0CBE-49E0-B36B-09761529D106}"/>
                </a:ext>
              </a:extLst>
            </p:cNvPr>
            <p:cNvSpPr/>
            <p:nvPr/>
          </p:nvSpPr>
          <p:spPr>
            <a:xfrm>
              <a:off x="10314432"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66" name="object 169">
              <a:extLst>
                <a:ext uri="{FF2B5EF4-FFF2-40B4-BE49-F238E27FC236}">
                  <a16:creationId xmlns:a16="http://schemas.microsoft.com/office/drawing/2014/main" id="{0012C155-5513-4EEC-8987-35D7AA1F62C6}"/>
                </a:ext>
              </a:extLst>
            </p:cNvPr>
            <p:cNvSpPr/>
            <p:nvPr/>
          </p:nvSpPr>
          <p:spPr>
            <a:xfrm>
              <a:off x="10860785"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67" name="object 170">
              <a:extLst>
                <a:ext uri="{FF2B5EF4-FFF2-40B4-BE49-F238E27FC236}">
                  <a16:creationId xmlns:a16="http://schemas.microsoft.com/office/drawing/2014/main" id="{06668ED4-C598-43CB-9AD9-4BF861D9264D}"/>
                </a:ext>
              </a:extLst>
            </p:cNvPr>
            <p:cNvSpPr/>
            <p:nvPr/>
          </p:nvSpPr>
          <p:spPr>
            <a:xfrm>
              <a:off x="10803635"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sp>
          <p:nvSpPr>
            <p:cNvPr id="168" name="object 171">
              <a:extLst>
                <a:ext uri="{FF2B5EF4-FFF2-40B4-BE49-F238E27FC236}">
                  <a16:creationId xmlns:a16="http://schemas.microsoft.com/office/drawing/2014/main" id="{E2214CC4-B33E-4566-91EB-FAA6281FA9D2}"/>
                </a:ext>
              </a:extLst>
            </p:cNvPr>
            <p:cNvSpPr/>
            <p:nvPr/>
          </p:nvSpPr>
          <p:spPr>
            <a:xfrm>
              <a:off x="11351514" y="578357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69" name="object 172">
              <a:extLst>
                <a:ext uri="{FF2B5EF4-FFF2-40B4-BE49-F238E27FC236}">
                  <a16:creationId xmlns:a16="http://schemas.microsoft.com/office/drawing/2014/main" id="{EF9FD97B-1628-4F80-823E-6FF3F145A46C}"/>
                </a:ext>
              </a:extLst>
            </p:cNvPr>
            <p:cNvSpPr/>
            <p:nvPr/>
          </p:nvSpPr>
          <p:spPr>
            <a:xfrm>
              <a:off x="11294364" y="568832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grpSp>
      <p:grpSp>
        <p:nvGrpSpPr>
          <p:cNvPr id="170" name="object 173">
            <a:extLst>
              <a:ext uri="{FF2B5EF4-FFF2-40B4-BE49-F238E27FC236}">
                <a16:creationId xmlns:a16="http://schemas.microsoft.com/office/drawing/2014/main" id="{BC351685-1662-4FB6-88C9-259A69D087D8}"/>
              </a:ext>
            </a:extLst>
          </p:cNvPr>
          <p:cNvGrpSpPr/>
          <p:nvPr/>
        </p:nvGrpSpPr>
        <p:grpSpPr>
          <a:xfrm>
            <a:off x="2999414" y="2138189"/>
            <a:ext cx="114300" cy="330835"/>
            <a:chOff x="9060192" y="4690109"/>
            <a:chExt cx="114300" cy="330835"/>
          </a:xfrm>
        </p:grpSpPr>
        <p:sp>
          <p:nvSpPr>
            <p:cNvPr id="171" name="object 174">
              <a:extLst>
                <a:ext uri="{FF2B5EF4-FFF2-40B4-BE49-F238E27FC236}">
                  <a16:creationId xmlns:a16="http://schemas.microsoft.com/office/drawing/2014/main" id="{E442D32F-F878-40B3-B542-F2BEA2996A11}"/>
                </a:ext>
              </a:extLst>
            </p:cNvPr>
            <p:cNvSpPr/>
            <p:nvPr/>
          </p:nvSpPr>
          <p:spPr>
            <a:xfrm>
              <a:off x="9117330" y="4785359"/>
              <a:ext cx="0" cy="235585"/>
            </a:xfrm>
            <a:custGeom>
              <a:avLst/>
              <a:gdLst/>
              <a:ahLst/>
              <a:cxnLst/>
              <a:rect l="l" t="t" r="r" b="b"/>
              <a:pathLst>
                <a:path h="235585">
                  <a:moveTo>
                    <a:pt x="0" y="235254"/>
                  </a:moveTo>
                  <a:lnTo>
                    <a:pt x="0" y="0"/>
                  </a:lnTo>
                </a:path>
              </a:pathLst>
            </a:custGeom>
            <a:ln w="38100">
              <a:solidFill>
                <a:srgbClr val="F47C20"/>
              </a:solidFill>
            </a:ln>
          </p:spPr>
          <p:txBody>
            <a:bodyPr wrap="square" lIns="0" tIns="0" rIns="0" bIns="0" rtlCol="0"/>
            <a:lstStyle/>
            <a:p>
              <a:endParaRPr/>
            </a:p>
          </p:txBody>
        </p:sp>
        <p:sp>
          <p:nvSpPr>
            <p:cNvPr id="172" name="object 175">
              <a:extLst>
                <a:ext uri="{FF2B5EF4-FFF2-40B4-BE49-F238E27FC236}">
                  <a16:creationId xmlns:a16="http://schemas.microsoft.com/office/drawing/2014/main" id="{95BC6D45-37A8-4766-8162-F394495E1B7F}"/>
                </a:ext>
              </a:extLst>
            </p:cNvPr>
            <p:cNvSpPr/>
            <p:nvPr/>
          </p:nvSpPr>
          <p:spPr>
            <a:xfrm>
              <a:off x="9060192" y="4690109"/>
              <a:ext cx="114300" cy="114300"/>
            </a:xfrm>
            <a:custGeom>
              <a:avLst/>
              <a:gdLst/>
              <a:ahLst/>
              <a:cxnLst/>
              <a:rect l="l" t="t" r="r" b="b"/>
              <a:pathLst>
                <a:path w="114300" h="114300">
                  <a:moveTo>
                    <a:pt x="57150" y="0"/>
                  </a:moveTo>
                  <a:lnTo>
                    <a:pt x="0" y="114300"/>
                  </a:lnTo>
                  <a:lnTo>
                    <a:pt x="114300" y="114300"/>
                  </a:lnTo>
                  <a:lnTo>
                    <a:pt x="57150" y="0"/>
                  </a:lnTo>
                  <a:close/>
                </a:path>
              </a:pathLst>
            </a:custGeom>
            <a:solidFill>
              <a:srgbClr val="F47C20"/>
            </a:solidFill>
          </p:spPr>
          <p:txBody>
            <a:bodyPr wrap="square" lIns="0" tIns="0" rIns="0" bIns="0" rtlCol="0"/>
            <a:lstStyle/>
            <a:p>
              <a:endParaRPr/>
            </a:p>
          </p:txBody>
        </p:sp>
      </p:grpSp>
      <p:sp>
        <p:nvSpPr>
          <p:cNvPr id="173" name="object 176">
            <a:extLst>
              <a:ext uri="{FF2B5EF4-FFF2-40B4-BE49-F238E27FC236}">
                <a16:creationId xmlns:a16="http://schemas.microsoft.com/office/drawing/2014/main" id="{611DF932-A7BD-4BEE-A408-6F6ABA174A6C}"/>
              </a:ext>
            </a:extLst>
          </p:cNvPr>
          <p:cNvSpPr txBox="1"/>
          <p:nvPr/>
        </p:nvSpPr>
        <p:spPr>
          <a:xfrm>
            <a:off x="140377" y="2468135"/>
            <a:ext cx="5831205" cy="668020"/>
          </a:xfrm>
          <a:prstGeom prst="rect">
            <a:avLst/>
          </a:prstGeom>
          <a:solidFill>
            <a:srgbClr val="002060"/>
          </a:solidFill>
          <a:ln w="12700">
            <a:solidFill>
              <a:srgbClr val="A75C31"/>
            </a:solidFill>
          </a:ln>
        </p:spPr>
        <p:txBody>
          <a:bodyPr vert="horz" wrap="square" lIns="0" tIns="129539" rIns="0" bIns="0" rtlCol="0">
            <a:spAutoFit/>
          </a:bodyPr>
          <a:lstStyle/>
          <a:p>
            <a:pPr algn="ctr">
              <a:lnSpc>
                <a:spcPct val="100000"/>
              </a:lnSpc>
              <a:spcBef>
                <a:spcPts val="1019"/>
              </a:spcBef>
            </a:pPr>
            <a:r>
              <a:rPr sz="2400" b="1" spc="-20" dirty="0">
                <a:solidFill>
                  <a:srgbClr val="FFFFFF"/>
                </a:solidFill>
                <a:latin typeface="Segoe UI"/>
                <a:cs typeface="Segoe UI"/>
              </a:rPr>
              <a:t>Transformer/MLP</a:t>
            </a:r>
            <a:r>
              <a:rPr sz="2400" b="1" spc="-50" dirty="0">
                <a:solidFill>
                  <a:srgbClr val="FFFFFF"/>
                </a:solidFill>
                <a:latin typeface="Microsoft JhengHei"/>
                <a:cs typeface="Microsoft JhengHei"/>
              </a:rPr>
              <a:t>系</a:t>
            </a:r>
            <a:endParaRPr sz="2400">
              <a:latin typeface="Microsoft JhengHei"/>
              <a:cs typeface="Microsoft JhengHei"/>
            </a:endParaRPr>
          </a:p>
        </p:txBody>
      </p:sp>
      <p:pic>
        <p:nvPicPr>
          <p:cNvPr id="174" name="図 1">
            <a:extLst>
              <a:ext uri="{FF2B5EF4-FFF2-40B4-BE49-F238E27FC236}">
                <a16:creationId xmlns:a16="http://schemas.microsoft.com/office/drawing/2014/main" id="{433FEC31-3AC2-438B-8708-191B2EC8CC9E}"/>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80628" y="3486564"/>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5" name="図 5">
            <a:extLst>
              <a:ext uri="{FF2B5EF4-FFF2-40B4-BE49-F238E27FC236}">
                <a16:creationId xmlns:a16="http://schemas.microsoft.com/office/drawing/2014/main" id="{B6017EB0-D309-4B1F-86D9-4DEC1FA1BC1B}"/>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1133958" y="3490708"/>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6" name="図 6">
            <a:extLst>
              <a:ext uri="{FF2B5EF4-FFF2-40B4-BE49-F238E27FC236}">
                <a16:creationId xmlns:a16="http://schemas.microsoft.com/office/drawing/2014/main" id="{61397824-DB23-45ED-A36E-8600A49DFE44}"/>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651140" y="3507980"/>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7" name="図 13">
            <a:extLst>
              <a:ext uri="{FF2B5EF4-FFF2-40B4-BE49-F238E27FC236}">
                <a16:creationId xmlns:a16="http://schemas.microsoft.com/office/drawing/2014/main" id="{366BA303-EE8C-4E3F-A99F-0182D995F258}"/>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47457" y="3528700"/>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8" name="object 121">
            <a:extLst>
              <a:ext uri="{FF2B5EF4-FFF2-40B4-BE49-F238E27FC236}">
                <a16:creationId xmlns:a16="http://schemas.microsoft.com/office/drawing/2014/main" id="{D1565D93-C023-4749-87A7-EE14F1273CA8}"/>
              </a:ext>
            </a:extLst>
          </p:cNvPr>
          <p:cNvSpPr txBox="1"/>
          <p:nvPr/>
        </p:nvSpPr>
        <p:spPr>
          <a:xfrm>
            <a:off x="2323519" y="3954432"/>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179" name="図 1">
            <a:extLst>
              <a:ext uri="{FF2B5EF4-FFF2-40B4-BE49-F238E27FC236}">
                <a16:creationId xmlns:a16="http://schemas.microsoft.com/office/drawing/2014/main" id="{18F64233-4A82-4611-9449-67D3736DC2DC}"/>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694555" y="3477321"/>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0" name="図 5">
            <a:extLst>
              <a:ext uri="{FF2B5EF4-FFF2-40B4-BE49-F238E27FC236}">
                <a16:creationId xmlns:a16="http://schemas.microsoft.com/office/drawing/2014/main" id="{68485EE1-C783-481E-ACDA-8124FAF79AF9}"/>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3147885" y="3481465"/>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1" name="図 6">
            <a:extLst>
              <a:ext uri="{FF2B5EF4-FFF2-40B4-BE49-F238E27FC236}">
                <a16:creationId xmlns:a16="http://schemas.microsoft.com/office/drawing/2014/main" id="{F449FDE3-7E77-4B8E-A85E-50471BF01CD8}"/>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3665067" y="3498737"/>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2" name="図 13">
            <a:extLst>
              <a:ext uri="{FF2B5EF4-FFF2-40B4-BE49-F238E27FC236}">
                <a16:creationId xmlns:a16="http://schemas.microsoft.com/office/drawing/2014/main" id="{AC9A0A13-6095-407E-8DCE-8CD5639D3BAA}"/>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2061384" y="3519457"/>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3" name="object 121">
            <a:extLst>
              <a:ext uri="{FF2B5EF4-FFF2-40B4-BE49-F238E27FC236}">
                <a16:creationId xmlns:a16="http://schemas.microsoft.com/office/drawing/2014/main" id="{70D1C30C-B1E7-41D2-AB0C-AC311F3D4B32}"/>
              </a:ext>
            </a:extLst>
          </p:cNvPr>
          <p:cNvSpPr txBox="1"/>
          <p:nvPr/>
        </p:nvSpPr>
        <p:spPr>
          <a:xfrm>
            <a:off x="4274129" y="3954432"/>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184" name="図 1">
            <a:extLst>
              <a:ext uri="{FF2B5EF4-FFF2-40B4-BE49-F238E27FC236}">
                <a16:creationId xmlns:a16="http://schemas.microsoft.com/office/drawing/2014/main" id="{506BB147-332C-49D7-80BB-1D7331CABE56}"/>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4645165" y="3477321"/>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5" name="図 5">
            <a:extLst>
              <a:ext uri="{FF2B5EF4-FFF2-40B4-BE49-F238E27FC236}">
                <a16:creationId xmlns:a16="http://schemas.microsoft.com/office/drawing/2014/main" id="{757F20C9-251F-44A4-AB1A-470BF65B5E24}"/>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098495" y="3481465"/>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6" name="図 6">
            <a:extLst>
              <a:ext uri="{FF2B5EF4-FFF2-40B4-BE49-F238E27FC236}">
                <a16:creationId xmlns:a16="http://schemas.microsoft.com/office/drawing/2014/main" id="{3252D8DF-B61B-4156-93CD-FEECBAFDE789}"/>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5615677" y="3498737"/>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7" name="図 13">
            <a:extLst>
              <a:ext uri="{FF2B5EF4-FFF2-40B4-BE49-F238E27FC236}">
                <a16:creationId xmlns:a16="http://schemas.microsoft.com/office/drawing/2014/main" id="{1FEC1EB0-E231-45A4-AE31-2387BA7840E8}"/>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4011994" y="3519457"/>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8" name="object 121">
            <a:extLst>
              <a:ext uri="{FF2B5EF4-FFF2-40B4-BE49-F238E27FC236}">
                <a16:creationId xmlns:a16="http://schemas.microsoft.com/office/drawing/2014/main" id="{8C827E45-291E-4059-94A9-4CE7D30D1C43}"/>
              </a:ext>
            </a:extLst>
          </p:cNvPr>
          <p:cNvSpPr txBox="1"/>
          <p:nvPr/>
        </p:nvSpPr>
        <p:spPr>
          <a:xfrm>
            <a:off x="6374939" y="3083289"/>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sp>
        <p:nvSpPr>
          <p:cNvPr id="189" name="object 147">
            <a:extLst>
              <a:ext uri="{FF2B5EF4-FFF2-40B4-BE49-F238E27FC236}">
                <a16:creationId xmlns:a16="http://schemas.microsoft.com/office/drawing/2014/main" id="{41147219-1917-48E4-913A-D159C5EADC45}"/>
              </a:ext>
            </a:extLst>
          </p:cNvPr>
          <p:cNvSpPr txBox="1"/>
          <p:nvPr/>
        </p:nvSpPr>
        <p:spPr>
          <a:xfrm>
            <a:off x="8825658" y="3083289"/>
            <a:ext cx="3098165"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 pos="1972945" algn="l"/>
                <a:tab pos="2463165" algn="l"/>
                <a:tab pos="295338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190" name="図 1">
            <a:extLst>
              <a:ext uri="{FF2B5EF4-FFF2-40B4-BE49-F238E27FC236}">
                <a16:creationId xmlns:a16="http://schemas.microsoft.com/office/drawing/2014/main" id="{46B59ABE-490E-4E32-BD6C-B935E9801788}"/>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745975" y="2606178"/>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1" name="図 5">
            <a:extLst>
              <a:ext uri="{FF2B5EF4-FFF2-40B4-BE49-F238E27FC236}">
                <a16:creationId xmlns:a16="http://schemas.microsoft.com/office/drawing/2014/main" id="{458AE576-5D84-4DA6-BE9F-F40ED4B75065}"/>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7199305" y="2610322"/>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2" name="図 6">
            <a:extLst>
              <a:ext uri="{FF2B5EF4-FFF2-40B4-BE49-F238E27FC236}">
                <a16:creationId xmlns:a16="http://schemas.microsoft.com/office/drawing/2014/main" id="{E8333D45-E335-4BE7-AA2C-91B7B7717AD1}"/>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7716487" y="2627594"/>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3" name="図 13">
            <a:extLst>
              <a:ext uri="{FF2B5EF4-FFF2-40B4-BE49-F238E27FC236}">
                <a16:creationId xmlns:a16="http://schemas.microsoft.com/office/drawing/2014/main" id="{EEB0043D-EB2A-4C4B-9FDE-F83DBAE44F16}"/>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6112804" y="2648314"/>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 name="object 121">
            <a:extLst>
              <a:ext uri="{FF2B5EF4-FFF2-40B4-BE49-F238E27FC236}">
                <a16:creationId xmlns:a16="http://schemas.microsoft.com/office/drawing/2014/main" id="{56C9964C-805A-46ED-A4CD-4311784F0002}"/>
              </a:ext>
            </a:extLst>
          </p:cNvPr>
          <p:cNvSpPr txBox="1"/>
          <p:nvPr/>
        </p:nvSpPr>
        <p:spPr>
          <a:xfrm>
            <a:off x="8388866" y="3074046"/>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195" name="図 1">
            <a:extLst>
              <a:ext uri="{FF2B5EF4-FFF2-40B4-BE49-F238E27FC236}">
                <a16:creationId xmlns:a16="http://schemas.microsoft.com/office/drawing/2014/main" id="{3B3D3D55-8CB9-4A65-B787-4D6F73E80213}"/>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8759902" y="2596935"/>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6" name="図 5">
            <a:extLst>
              <a:ext uri="{FF2B5EF4-FFF2-40B4-BE49-F238E27FC236}">
                <a16:creationId xmlns:a16="http://schemas.microsoft.com/office/drawing/2014/main" id="{6F8A2748-26CF-42DA-B66C-F21F991DB59C}"/>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9213232" y="2601079"/>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7" name="図 6">
            <a:extLst>
              <a:ext uri="{FF2B5EF4-FFF2-40B4-BE49-F238E27FC236}">
                <a16:creationId xmlns:a16="http://schemas.microsoft.com/office/drawing/2014/main" id="{A9596A2B-2D62-45C3-8283-310B24206AFE}"/>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9730414" y="2618351"/>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8" name="図 13">
            <a:extLst>
              <a:ext uri="{FF2B5EF4-FFF2-40B4-BE49-F238E27FC236}">
                <a16:creationId xmlns:a16="http://schemas.microsoft.com/office/drawing/2014/main" id="{1F6B90C0-EE4D-40B1-A652-01CCFC1457B0}"/>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8126731" y="2639071"/>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9" name="object 121">
            <a:extLst>
              <a:ext uri="{FF2B5EF4-FFF2-40B4-BE49-F238E27FC236}">
                <a16:creationId xmlns:a16="http://schemas.microsoft.com/office/drawing/2014/main" id="{6D47D6AE-5064-47D6-9542-8E4A73519DFF}"/>
              </a:ext>
            </a:extLst>
          </p:cNvPr>
          <p:cNvSpPr txBox="1"/>
          <p:nvPr/>
        </p:nvSpPr>
        <p:spPr>
          <a:xfrm>
            <a:off x="10339476" y="3074046"/>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200" name="図 1">
            <a:extLst>
              <a:ext uri="{FF2B5EF4-FFF2-40B4-BE49-F238E27FC236}">
                <a16:creationId xmlns:a16="http://schemas.microsoft.com/office/drawing/2014/main" id="{CCF6112B-F0A9-480D-9D87-A398DE0EAF76}"/>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0710512" y="2596935"/>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1" name="図 5">
            <a:extLst>
              <a:ext uri="{FF2B5EF4-FFF2-40B4-BE49-F238E27FC236}">
                <a16:creationId xmlns:a16="http://schemas.microsoft.com/office/drawing/2014/main" id="{03738FDC-E327-4EDC-8DB8-006B1336843A}"/>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11163842" y="2601079"/>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2" name="図 6">
            <a:extLst>
              <a:ext uri="{FF2B5EF4-FFF2-40B4-BE49-F238E27FC236}">
                <a16:creationId xmlns:a16="http://schemas.microsoft.com/office/drawing/2014/main" id="{AC386B6D-3AD9-48D7-8B2D-142326358C8A}"/>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1681024" y="2618351"/>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3" name="図 13">
            <a:extLst>
              <a:ext uri="{FF2B5EF4-FFF2-40B4-BE49-F238E27FC236}">
                <a16:creationId xmlns:a16="http://schemas.microsoft.com/office/drawing/2014/main" id="{D64CED69-BE2A-4BA4-AE18-2B5B1E7590A0}"/>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0077341" y="2639071"/>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04" name="object 121">
            <a:extLst>
              <a:ext uri="{FF2B5EF4-FFF2-40B4-BE49-F238E27FC236}">
                <a16:creationId xmlns:a16="http://schemas.microsoft.com/office/drawing/2014/main" id="{096F7745-864E-43D1-A1C7-B8CE83FB4AB5}"/>
              </a:ext>
            </a:extLst>
          </p:cNvPr>
          <p:cNvSpPr txBox="1"/>
          <p:nvPr/>
        </p:nvSpPr>
        <p:spPr>
          <a:xfrm>
            <a:off x="6347034" y="5674464"/>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sp>
        <p:nvSpPr>
          <p:cNvPr id="205" name="object 147">
            <a:extLst>
              <a:ext uri="{FF2B5EF4-FFF2-40B4-BE49-F238E27FC236}">
                <a16:creationId xmlns:a16="http://schemas.microsoft.com/office/drawing/2014/main" id="{207E6E8F-127E-4B17-A743-624B09196FAA}"/>
              </a:ext>
            </a:extLst>
          </p:cNvPr>
          <p:cNvSpPr txBox="1"/>
          <p:nvPr/>
        </p:nvSpPr>
        <p:spPr>
          <a:xfrm>
            <a:off x="8797753" y="5674464"/>
            <a:ext cx="3098165"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 pos="1972945" algn="l"/>
                <a:tab pos="2463165" algn="l"/>
                <a:tab pos="295338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206" name="図 1">
            <a:extLst>
              <a:ext uri="{FF2B5EF4-FFF2-40B4-BE49-F238E27FC236}">
                <a16:creationId xmlns:a16="http://schemas.microsoft.com/office/drawing/2014/main" id="{53B59D3B-75DE-49AD-876E-02A8178B1B5B}"/>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718070" y="5197353"/>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7" name="図 5">
            <a:extLst>
              <a:ext uri="{FF2B5EF4-FFF2-40B4-BE49-F238E27FC236}">
                <a16:creationId xmlns:a16="http://schemas.microsoft.com/office/drawing/2014/main" id="{44757F37-A3EB-45BC-911C-150AB6FF07CD}"/>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7171400" y="5201497"/>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8" name="図 6">
            <a:extLst>
              <a:ext uri="{FF2B5EF4-FFF2-40B4-BE49-F238E27FC236}">
                <a16:creationId xmlns:a16="http://schemas.microsoft.com/office/drawing/2014/main" id="{36DFFC0A-0BBD-4BFC-8CA2-12D10B64B249}"/>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7688582" y="5218769"/>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9" name="図 13">
            <a:extLst>
              <a:ext uri="{FF2B5EF4-FFF2-40B4-BE49-F238E27FC236}">
                <a16:creationId xmlns:a16="http://schemas.microsoft.com/office/drawing/2014/main" id="{B14BCFAF-270D-45E0-871E-D0D4D4828DD8}"/>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6084899" y="5239489"/>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10" name="object 121">
            <a:extLst>
              <a:ext uri="{FF2B5EF4-FFF2-40B4-BE49-F238E27FC236}">
                <a16:creationId xmlns:a16="http://schemas.microsoft.com/office/drawing/2014/main" id="{55631A8A-9C96-4152-8182-E6C3D26C05EA}"/>
              </a:ext>
            </a:extLst>
          </p:cNvPr>
          <p:cNvSpPr txBox="1"/>
          <p:nvPr/>
        </p:nvSpPr>
        <p:spPr>
          <a:xfrm>
            <a:off x="8360961" y="5665221"/>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211" name="図 1">
            <a:extLst>
              <a:ext uri="{FF2B5EF4-FFF2-40B4-BE49-F238E27FC236}">
                <a16:creationId xmlns:a16="http://schemas.microsoft.com/office/drawing/2014/main" id="{556514CA-DBB7-48C7-8600-FB08358B21B2}"/>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8731997" y="5188110"/>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2" name="図 5">
            <a:extLst>
              <a:ext uri="{FF2B5EF4-FFF2-40B4-BE49-F238E27FC236}">
                <a16:creationId xmlns:a16="http://schemas.microsoft.com/office/drawing/2014/main" id="{A078F2E8-186E-4DF7-843E-5BAF98DB4174}"/>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9185327" y="5192254"/>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3" name="図 6">
            <a:extLst>
              <a:ext uri="{FF2B5EF4-FFF2-40B4-BE49-F238E27FC236}">
                <a16:creationId xmlns:a16="http://schemas.microsoft.com/office/drawing/2014/main" id="{334B2A8D-11B3-42C0-A341-8F8506E25BB4}"/>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9702509" y="5209526"/>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4" name="図 13">
            <a:extLst>
              <a:ext uri="{FF2B5EF4-FFF2-40B4-BE49-F238E27FC236}">
                <a16:creationId xmlns:a16="http://schemas.microsoft.com/office/drawing/2014/main" id="{1745C0EE-E171-4DE5-8F89-7A2989E61881}"/>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8098826" y="5230246"/>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15" name="object 121">
            <a:extLst>
              <a:ext uri="{FF2B5EF4-FFF2-40B4-BE49-F238E27FC236}">
                <a16:creationId xmlns:a16="http://schemas.microsoft.com/office/drawing/2014/main" id="{60025E9B-9553-45BC-AC9F-F1D2BDCC92A5}"/>
              </a:ext>
            </a:extLst>
          </p:cNvPr>
          <p:cNvSpPr txBox="1"/>
          <p:nvPr/>
        </p:nvSpPr>
        <p:spPr>
          <a:xfrm>
            <a:off x="10311571" y="5665221"/>
            <a:ext cx="1628139" cy="299720"/>
          </a:xfrm>
          <a:prstGeom prst="rect">
            <a:avLst/>
          </a:prstGeom>
        </p:spPr>
        <p:txBody>
          <a:bodyPr vert="horz" wrap="square" lIns="0" tIns="12700" rIns="0" bIns="0" rtlCol="0">
            <a:spAutoFit/>
          </a:bodyPr>
          <a:lstStyle/>
          <a:p>
            <a:pPr marL="12700">
              <a:lnSpc>
                <a:spcPct val="100000"/>
              </a:lnSpc>
              <a:spcBef>
                <a:spcPts val="100"/>
              </a:spcBef>
              <a:tabLst>
                <a:tab pos="502284" algn="l"/>
                <a:tab pos="992505" algn="l"/>
                <a:tab pos="1482725" algn="l"/>
              </a:tabLst>
            </a:pP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r>
              <a:rPr sz="1800" i="1" dirty="0">
                <a:solidFill>
                  <a:srgbClr val="FEFEFE"/>
                </a:solidFill>
                <a:latin typeface="Cambria Math"/>
                <a:cs typeface="Cambria Math"/>
              </a:rPr>
              <a:t>	</a:t>
            </a:r>
            <a:r>
              <a:rPr sz="1800" i="1" spc="-50" dirty="0">
                <a:solidFill>
                  <a:srgbClr val="FEFEFE"/>
                </a:solidFill>
                <a:latin typeface="Cambria Math"/>
                <a:cs typeface="Cambria Math"/>
              </a:rPr>
              <a:t>X</a:t>
            </a:r>
            <a:endParaRPr sz="1800">
              <a:latin typeface="Cambria Math"/>
              <a:cs typeface="Cambria Math"/>
            </a:endParaRPr>
          </a:p>
        </p:txBody>
      </p:sp>
      <p:pic>
        <p:nvPicPr>
          <p:cNvPr id="216" name="図 1">
            <a:extLst>
              <a:ext uri="{FF2B5EF4-FFF2-40B4-BE49-F238E27FC236}">
                <a16:creationId xmlns:a16="http://schemas.microsoft.com/office/drawing/2014/main" id="{07BFDD00-FA36-498F-AAD6-C0AF885E8A1F}"/>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0682607" y="5188110"/>
            <a:ext cx="510977" cy="734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7" name="図 5">
            <a:extLst>
              <a:ext uri="{FF2B5EF4-FFF2-40B4-BE49-F238E27FC236}">
                <a16:creationId xmlns:a16="http://schemas.microsoft.com/office/drawing/2014/main" id="{D69EDE48-490C-41E2-A4BD-5C0A429BC4FD}"/>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11135937" y="5192254"/>
            <a:ext cx="510978" cy="73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8" name="図 6">
            <a:extLst>
              <a:ext uri="{FF2B5EF4-FFF2-40B4-BE49-F238E27FC236}">
                <a16:creationId xmlns:a16="http://schemas.microsoft.com/office/drawing/2014/main" id="{D2B1D9C6-995F-45C8-A8CC-839811F145F4}"/>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1653119" y="5209526"/>
            <a:ext cx="510976" cy="7007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9" name="図 13">
            <a:extLst>
              <a:ext uri="{FF2B5EF4-FFF2-40B4-BE49-F238E27FC236}">
                <a16:creationId xmlns:a16="http://schemas.microsoft.com/office/drawing/2014/main" id="{42BC8014-5FCE-4BB8-AEBA-C33E72936A11}"/>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0049436" y="5230246"/>
            <a:ext cx="674365" cy="734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正方形/長方形 4">
            <a:extLst>
              <a:ext uri="{FF2B5EF4-FFF2-40B4-BE49-F238E27FC236}">
                <a16:creationId xmlns:a16="http://schemas.microsoft.com/office/drawing/2014/main" id="{F1253BEF-A00B-4DF9-8212-6CE136F8F8D4}"/>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ニューラルネットワーク</a:t>
            </a:r>
          </a:p>
        </p:txBody>
      </p:sp>
    </p:spTree>
    <p:extLst>
      <p:ext uri="{BB962C8B-B14F-4D97-AF65-F5344CB8AC3E}">
        <p14:creationId xmlns:p14="http://schemas.microsoft.com/office/powerpoint/2010/main" val="1171478408"/>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txBox="1"/>
          <p:nvPr/>
        </p:nvSpPr>
        <p:spPr>
          <a:xfrm>
            <a:off x="6262243" y="1567887"/>
            <a:ext cx="3804285" cy="3030855"/>
          </a:xfrm>
          <a:prstGeom prst="rect">
            <a:avLst/>
          </a:prstGeom>
        </p:spPr>
        <p:txBody>
          <a:bodyPr vert="horz" wrap="square" lIns="0" tIns="78105" rIns="0" bIns="0" rtlCol="0">
            <a:spAutoFit/>
          </a:bodyPr>
          <a:lstStyle/>
          <a:p>
            <a:pPr marL="414655">
              <a:spcBef>
                <a:spcPts val="615"/>
              </a:spcBef>
            </a:pPr>
            <a:r>
              <a:rPr u="sng" spc="-20" dirty="0">
                <a:uFill>
                  <a:solidFill>
                    <a:srgbClr val="000000"/>
                  </a:solidFill>
                </a:uFill>
                <a:latin typeface="メイリオ"/>
                <a:cs typeface="メイリオ"/>
              </a:rPr>
              <a:t>対策法</a:t>
            </a:r>
            <a:endParaRPr dirty="0">
              <a:latin typeface="メイリオ"/>
              <a:cs typeface="メイリオ"/>
            </a:endParaRPr>
          </a:p>
          <a:p>
            <a:pPr marL="12700">
              <a:spcBef>
                <a:spcPts val="685"/>
              </a:spcBef>
            </a:pPr>
            <a:r>
              <a:rPr sz="2400" b="1" spc="-5" dirty="0">
                <a:latin typeface="メイリオ"/>
                <a:cs typeface="メイリオ"/>
              </a:rPr>
              <a:t>・コンピュータの高性能化</a:t>
            </a:r>
            <a:endParaRPr sz="2400" dirty="0">
              <a:latin typeface="メイリオ"/>
              <a:cs typeface="メイリオ"/>
            </a:endParaRPr>
          </a:p>
          <a:p>
            <a:pPr marL="12700">
              <a:spcBef>
                <a:spcPts val="5"/>
              </a:spcBef>
            </a:pPr>
            <a:r>
              <a:rPr sz="2400" b="1" dirty="0">
                <a:latin typeface="メイリオ"/>
                <a:cs typeface="メイリオ"/>
              </a:rPr>
              <a:t>・情報通信の高速化</a:t>
            </a:r>
            <a:r>
              <a:rPr sz="2400" b="1" spc="-20" dirty="0">
                <a:latin typeface="Century Gothic"/>
                <a:cs typeface="Century Gothic"/>
              </a:rPr>
              <a:t>(5G)</a:t>
            </a:r>
            <a:endParaRPr sz="2400" dirty="0">
              <a:latin typeface="Century Gothic"/>
              <a:cs typeface="Century Gothic"/>
            </a:endParaRPr>
          </a:p>
          <a:p>
            <a:pPr marL="12700"/>
            <a:r>
              <a:rPr sz="2400" b="1" spc="85" dirty="0">
                <a:solidFill>
                  <a:srgbClr val="FF0000"/>
                </a:solidFill>
                <a:latin typeface="メイリオ"/>
                <a:cs typeface="メイリオ"/>
              </a:rPr>
              <a:t>・情報処理の分担</a:t>
            </a:r>
            <a:endParaRPr sz="2400" dirty="0">
              <a:latin typeface="メイリオ"/>
              <a:cs typeface="メイリオ"/>
            </a:endParaRPr>
          </a:p>
          <a:p>
            <a:pPr marL="12700">
              <a:spcBef>
                <a:spcPts val="225"/>
              </a:spcBef>
            </a:pPr>
            <a:r>
              <a:rPr sz="2400" spc="-20" dirty="0">
                <a:latin typeface="Century Gothic"/>
                <a:cs typeface="Century Gothic"/>
              </a:rPr>
              <a:t>etc…</a:t>
            </a:r>
            <a:endParaRPr sz="2400" dirty="0">
              <a:latin typeface="Century Gothic"/>
              <a:cs typeface="Century Gothic"/>
            </a:endParaRPr>
          </a:p>
          <a:p>
            <a:pPr marL="133985" marR="5080" algn="just">
              <a:lnSpc>
                <a:spcPct val="101699"/>
              </a:lnSpc>
              <a:spcBef>
                <a:spcPts val="1960"/>
              </a:spcBef>
            </a:pPr>
            <a:r>
              <a:rPr b="1" spc="-5" dirty="0">
                <a:latin typeface="メイリオ"/>
                <a:cs typeface="メイリオ"/>
              </a:rPr>
              <a:t>データの処理を分散させることで、負荷を少なくしたりより高速に情報を分析できる利点がある！</a:t>
            </a:r>
            <a:endParaRPr dirty="0">
              <a:latin typeface="メイリオ"/>
              <a:cs typeface="メイリオ"/>
            </a:endParaRPr>
          </a:p>
        </p:txBody>
      </p:sp>
      <p:sp>
        <p:nvSpPr>
          <p:cNvPr id="5" name="object 5"/>
          <p:cNvSpPr txBox="1"/>
          <p:nvPr/>
        </p:nvSpPr>
        <p:spPr>
          <a:xfrm>
            <a:off x="1775459" y="5760720"/>
            <a:ext cx="8403590" cy="636072"/>
          </a:xfrm>
          <a:prstGeom prst="rect">
            <a:avLst/>
          </a:prstGeom>
          <a:ln w="9144">
            <a:solidFill>
              <a:srgbClr val="5B9BD4"/>
            </a:solidFill>
          </a:ln>
        </p:spPr>
        <p:txBody>
          <a:bodyPr vert="horz" wrap="square" lIns="0" tIns="7620" rIns="0" bIns="0" rtlCol="0">
            <a:spAutoFit/>
          </a:bodyPr>
          <a:lstStyle/>
          <a:p>
            <a:pPr marL="90805">
              <a:spcBef>
                <a:spcPts val="60"/>
              </a:spcBef>
            </a:pPr>
            <a:r>
              <a:rPr sz="2000" b="1" spc="-20" dirty="0">
                <a:solidFill>
                  <a:srgbClr val="FF0000"/>
                </a:solidFill>
                <a:latin typeface="メイリオ"/>
                <a:cs typeface="メイリオ"/>
              </a:rPr>
              <a:t>エッジコンピューティングに用いる端末では、次々と入ってくる時系列</a:t>
            </a:r>
            <a:endParaRPr sz="2000">
              <a:latin typeface="メイリオ"/>
              <a:cs typeface="メイリオ"/>
            </a:endParaRPr>
          </a:p>
          <a:p>
            <a:pPr marL="90805">
              <a:spcBef>
                <a:spcPts val="75"/>
              </a:spcBef>
            </a:pPr>
            <a:r>
              <a:rPr sz="2000" b="1" spc="-15" dirty="0">
                <a:solidFill>
                  <a:srgbClr val="FF0000"/>
                </a:solidFill>
                <a:latin typeface="メイリオ"/>
                <a:cs typeface="メイリオ"/>
              </a:rPr>
              <a:t>データをリアルタイムで処理・分析するための工夫が必要！</a:t>
            </a:r>
            <a:endParaRPr sz="2000">
              <a:latin typeface="メイリオ"/>
              <a:cs typeface="メイリオ"/>
            </a:endParaRPr>
          </a:p>
        </p:txBody>
      </p:sp>
      <p:sp>
        <p:nvSpPr>
          <p:cNvPr id="6" name="object 6"/>
          <p:cNvSpPr txBox="1"/>
          <p:nvPr/>
        </p:nvSpPr>
        <p:spPr>
          <a:xfrm>
            <a:off x="2093772" y="1573784"/>
            <a:ext cx="3225800" cy="574040"/>
          </a:xfrm>
          <a:prstGeom prst="rect">
            <a:avLst/>
          </a:prstGeom>
        </p:spPr>
        <p:txBody>
          <a:bodyPr vert="horz" wrap="square" lIns="0" tIns="12700" rIns="0" bIns="0" rtlCol="0">
            <a:spAutoFit/>
          </a:bodyPr>
          <a:lstStyle/>
          <a:p>
            <a:pPr marL="12700">
              <a:spcBef>
                <a:spcPts val="100"/>
              </a:spcBef>
            </a:pPr>
            <a:r>
              <a:rPr b="1" spc="-5" dirty="0">
                <a:latin typeface="メイリオ"/>
                <a:cs typeface="メイリオ"/>
              </a:rPr>
              <a:t>エッジコンピューティング</a:t>
            </a:r>
            <a:endParaRPr dirty="0">
              <a:latin typeface="メイリオ"/>
              <a:cs typeface="メイリオ"/>
            </a:endParaRPr>
          </a:p>
          <a:p>
            <a:pPr marL="12700"/>
            <a:r>
              <a:rPr b="1" dirty="0">
                <a:latin typeface="メイリオ"/>
                <a:cs typeface="メイリオ"/>
              </a:rPr>
              <a:t>（端末でも情報の処理を行う</a:t>
            </a:r>
            <a:r>
              <a:rPr b="1" spc="-50" dirty="0">
                <a:latin typeface="メイリオ"/>
                <a:cs typeface="メイリオ"/>
              </a:rPr>
              <a:t>）</a:t>
            </a:r>
            <a:endParaRPr dirty="0">
              <a:latin typeface="メイリオ"/>
              <a:cs typeface="メイリオ"/>
            </a:endParaRPr>
          </a:p>
        </p:txBody>
      </p:sp>
      <p:grpSp>
        <p:nvGrpSpPr>
          <p:cNvPr id="8" name="object 8"/>
          <p:cNvGrpSpPr/>
          <p:nvPr/>
        </p:nvGrpSpPr>
        <p:grpSpPr>
          <a:xfrm>
            <a:off x="1595628" y="2166264"/>
            <a:ext cx="3510915" cy="3406140"/>
            <a:chOff x="71627" y="2166264"/>
            <a:chExt cx="3510915" cy="3406140"/>
          </a:xfrm>
        </p:grpSpPr>
        <p:sp>
          <p:nvSpPr>
            <p:cNvPr id="9" name="object 9"/>
            <p:cNvSpPr/>
            <p:nvPr/>
          </p:nvSpPr>
          <p:spPr>
            <a:xfrm>
              <a:off x="688741" y="2195474"/>
              <a:ext cx="2864485" cy="1149350"/>
            </a:xfrm>
            <a:custGeom>
              <a:avLst/>
              <a:gdLst/>
              <a:ahLst/>
              <a:cxnLst/>
              <a:rect l="l" t="t" r="r" b="b"/>
              <a:pathLst>
                <a:path w="2864485" h="1149350">
                  <a:moveTo>
                    <a:pt x="260012" y="378307"/>
                  </a:moveTo>
                  <a:lnTo>
                    <a:pt x="255877" y="345119"/>
                  </a:lnTo>
                  <a:lnTo>
                    <a:pt x="259818" y="312704"/>
                  </a:lnTo>
                  <a:lnTo>
                    <a:pt x="271378" y="281388"/>
                  </a:lnTo>
                  <a:lnTo>
                    <a:pt x="315531" y="223366"/>
                  </a:lnTo>
                  <a:lnTo>
                    <a:pt x="347211" y="197316"/>
                  </a:lnTo>
                  <a:lnTo>
                    <a:pt x="384685" y="173676"/>
                  </a:lnTo>
                  <a:lnTo>
                    <a:pt x="427495" y="152774"/>
                  </a:lnTo>
                  <a:lnTo>
                    <a:pt x="475187" y="134937"/>
                  </a:lnTo>
                  <a:lnTo>
                    <a:pt x="527302" y="120494"/>
                  </a:lnTo>
                  <a:lnTo>
                    <a:pt x="583385" y="109771"/>
                  </a:lnTo>
                  <a:lnTo>
                    <a:pt x="642980" y="103098"/>
                  </a:lnTo>
                  <a:lnTo>
                    <a:pt x="692690" y="100941"/>
                  </a:lnTo>
                  <a:lnTo>
                    <a:pt x="742209" y="101804"/>
                  </a:lnTo>
                  <a:lnTo>
                    <a:pt x="791094" y="105638"/>
                  </a:lnTo>
                  <a:lnTo>
                    <a:pt x="838899" y="112392"/>
                  </a:lnTo>
                  <a:lnTo>
                    <a:pt x="885180" y="122018"/>
                  </a:lnTo>
                  <a:lnTo>
                    <a:pt x="929492" y="134467"/>
                  </a:lnTo>
                  <a:lnTo>
                    <a:pt x="960467" y="107942"/>
                  </a:lnTo>
                  <a:lnTo>
                    <a:pt x="997798" y="85094"/>
                  </a:lnTo>
                  <a:lnTo>
                    <a:pt x="1040500" y="66087"/>
                  </a:lnTo>
                  <a:lnTo>
                    <a:pt x="1087592" y="51084"/>
                  </a:lnTo>
                  <a:lnTo>
                    <a:pt x="1138090" y="40249"/>
                  </a:lnTo>
                  <a:lnTo>
                    <a:pt x="1191010" y="33746"/>
                  </a:lnTo>
                  <a:lnTo>
                    <a:pt x="1245372" y="31738"/>
                  </a:lnTo>
                  <a:lnTo>
                    <a:pt x="1300190" y="34391"/>
                  </a:lnTo>
                  <a:lnTo>
                    <a:pt x="1354482" y="41867"/>
                  </a:lnTo>
                  <a:lnTo>
                    <a:pt x="1407266" y="54330"/>
                  </a:lnTo>
                  <a:lnTo>
                    <a:pt x="1450494" y="69220"/>
                  </a:lnTo>
                  <a:lnTo>
                    <a:pt x="1489435" y="87350"/>
                  </a:lnTo>
                  <a:lnTo>
                    <a:pt x="1520691" y="60239"/>
                  </a:lnTo>
                  <a:lnTo>
                    <a:pt x="1559986" y="37770"/>
                  </a:lnTo>
                  <a:lnTo>
                    <a:pt x="1605760" y="20227"/>
                  </a:lnTo>
                  <a:lnTo>
                    <a:pt x="1656456" y="7895"/>
                  </a:lnTo>
                  <a:lnTo>
                    <a:pt x="1710515" y="1058"/>
                  </a:lnTo>
                  <a:lnTo>
                    <a:pt x="1766380" y="0"/>
                  </a:lnTo>
                  <a:lnTo>
                    <a:pt x="1822492" y="5004"/>
                  </a:lnTo>
                  <a:lnTo>
                    <a:pt x="1877293" y="16357"/>
                  </a:lnTo>
                  <a:lnTo>
                    <a:pt x="1932475" y="36026"/>
                  </a:lnTo>
                  <a:lnTo>
                    <a:pt x="1978131" y="62077"/>
                  </a:lnTo>
                  <a:lnTo>
                    <a:pt x="2015100" y="41853"/>
                  </a:lnTo>
                  <a:lnTo>
                    <a:pt x="2056423" y="25557"/>
                  </a:lnTo>
                  <a:lnTo>
                    <a:pt x="2101166" y="13231"/>
                  </a:lnTo>
                  <a:lnTo>
                    <a:pt x="2148394" y="4917"/>
                  </a:lnTo>
                  <a:lnTo>
                    <a:pt x="2197174" y="656"/>
                  </a:lnTo>
                  <a:lnTo>
                    <a:pt x="2246571" y="492"/>
                  </a:lnTo>
                  <a:lnTo>
                    <a:pt x="2295652" y="4465"/>
                  </a:lnTo>
                  <a:lnTo>
                    <a:pt x="2343481" y="12618"/>
                  </a:lnTo>
                  <a:lnTo>
                    <a:pt x="2389124" y="24992"/>
                  </a:lnTo>
                  <a:lnTo>
                    <a:pt x="2431648" y="41630"/>
                  </a:lnTo>
                  <a:lnTo>
                    <a:pt x="2470814" y="63130"/>
                  </a:lnTo>
                  <a:lnTo>
                    <a:pt x="2502371" y="87810"/>
                  </a:lnTo>
                  <a:lnTo>
                    <a:pt x="2540233" y="144373"/>
                  </a:lnTo>
                  <a:lnTo>
                    <a:pt x="2600032" y="156514"/>
                  </a:lnTo>
                  <a:lnTo>
                    <a:pt x="2653404" y="173781"/>
                  </a:lnTo>
                  <a:lnTo>
                    <a:pt x="2699651" y="195502"/>
                  </a:lnTo>
                  <a:lnTo>
                    <a:pt x="2738074" y="221008"/>
                  </a:lnTo>
                  <a:lnTo>
                    <a:pt x="2767974" y="249629"/>
                  </a:lnTo>
                  <a:lnTo>
                    <a:pt x="2799416" y="313536"/>
                  </a:lnTo>
                  <a:lnTo>
                    <a:pt x="2799561" y="347482"/>
                  </a:lnTo>
                  <a:lnTo>
                    <a:pt x="2788391" y="381863"/>
                  </a:lnTo>
                  <a:lnTo>
                    <a:pt x="2784940" y="388314"/>
                  </a:lnTo>
                  <a:lnTo>
                    <a:pt x="2781073" y="394706"/>
                  </a:lnTo>
                  <a:lnTo>
                    <a:pt x="2776800" y="401026"/>
                  </a:lnTo>
                  <a:lnTo>
                    <a:pt x="2772135" y="407263"/>
                  </a:lnTo>
                  <a:lnTo>
                    <a:pt x="2808679" y="437629"/>
                  </a:lnTo>
                  <a:lnTo>
                    <a:pt x="2836030" y="469769"/>
                  </a:lnTo>
                  <a:lnTo>
                    <a:pt x="2854316" y="503151"/>
                  </a:lnTo>
                  <a:lnTo>
                    <a:pt x="2863665" y="537244"/>
                  </a:lnTo>
                  <a:lnTo>
                    <a:pt x="2864204" y="571517"/>
                  </a:lnTo>
                  <a:lnTo>
                    <a:pt x="2856061" y="605439"/>
                  </a:lnTo>
                  <a:lnTo>
                    <a:pt x="2814240" y="670102"/>
                  </a:lnTo>
                  <a:lnTo>
                    <a:pt x="2780817" y="699781"/>
                  </a:lnTo>
                  <a:lnTo>
                    <a:pt x="2739223" y="726984"/>
                  </a:lnTo>
                  <a:lnTo>
                    <a:pt x="2689585" y="751179"/>
                  </a:lnTo>
                  <a:lnTo>
                    <a:pt x="2641712" y="768703"/>
                  </a:lnTo>
                  <a:lnTo>
                    <a:pt x="2590350" y="782691"/>
                  </a:lnTo>
                  <a:lnTo>
                    <a:pt x="2536155" y="792988"/>
                  </a:lnTo>
                  <a:lnTo>
                    <a:pt x="2479781" y="799439"/>
                  </a:lnTo>
                  <a:lnTo>
                    <a:pt x="2474244" y="833360"/>
                  </a:lnTo>
                  <a:lnTo>
                    <a:pt x="2435538" y="895421"/>
                  </a:lnTo>
                  <a:lnTo>
                    <a:pt x="2403959" y="922704"/>
                  </a:lnTo>
                  <a:lnTo>
                    <a:pt x="2365291" y="946917"/>
                  </a:lnTo>
                  <a:lnTo>
                    <a:pt x="2320328" y="967633"/>
                  </a:lnTo>
                  <a:lnTo>
                    <a:pt x="2269867" y="984424"/>
                  </a:lnTo>
                  <a:lnTo>
                    <a:pt x="2214703" y="996860"/>
                  </a:lnTo>
                  <a:lnTo>
                    <a:pt x="2155631" y="1004513"/>
                  </a:lnTo>
                  <a:lnTo>
                    <a:pt x="2093447" y="1006957"/>
                  </a:lnTo>
                  <a:lnTo>
                    <a:pt x="2040800" y="1004764"/>
                  </a:lnTo>
                  <a:lnTo>
                    <a:pt x="1989450" y="998654"/>
                  </a:lnTo>
                  <a:lnTo>
                    <a:pt x="1940124" y="988758"/>
                  </a:lnTo>
                  <a:lnTo>
                    <a:pt x="1893549" y="975207"/>
                  </a:lnTo>
                  <a:lnTo>
                    <a:pt x="1873946" y="1004101"/>
                  </a:lnTo>
                  <a:lnTo>
                    <a:pt x="1817864" y="1055260"/>
                  </a:lnTo>
                  <a:lnTo>
                    <a:pt x="1782431" y="1077220"/>
                  </a:lnTo>
                  <a:lnTo>
                    <a:pt x="1742765" y="1096563"/>
                  </a:lnTo>
                  <a:lnTo>
                    <a:pt x="1699390" y="1113136"/>
                  </a:lnTo>
                  <a:lnTo>
                    <a:pt x="1652827" y="1126787"/>
                  </a:lnTo>
                  <a:lnTo>
                    <a:pt x="1603599" y="1137363"/>
                  </a:lnTo>
                  <a:lnTo>
                    <a:pt x="1552229" y="1144712"/>
                  </a:lnTo>
                  <a:lnTo>
                    <a:pt x="1499237" y="1148681"/>
                  </a:lnTo>
                  <a:lnTo>
                    <a:pt x="1445148" y="1149118"/>
                  </a:lnTo>
                  <a:lnTo>
                    <a:pt x="1390483" y="1145869"/>
                  </a:lnTo>
                  <a:lnTo>
                    <a:pt x="1335765" y="1138783"/>
                  </a:lnTo>
                  <a:lnTo>
                    <a:pt x="1278048" y="1126792"/>
                  </a:lnTo>
                  <a:lnTo>
                    <a:pt x="1224245" y="1110674"/>
                  </a:lnTo>
                  <a:lnTo>
                    <a:pt x="1175068" y="1090722"/>
                  </a:lnTo>
                  <a:lnTo>
                    <a:pt x="1131232" y="1067228"/>
                  </a:lnTo>
                  <a:lnTo>
                    <a:pt x="1093449" y="1040485"/>
                  </a:lnTo>
                  <a:lnTo>
                    <a:pt x="1044146" y="1054810"/>
                  </a:lnTo>
                  <a:lnTo>
                    <a:pt x="993346" y="1065922"/>
                  </a:lnTo>
                  <a:lnTo>
                    <a:pt x="941478" y="1073880"/>
                  </a:lnTo>
                  <a:lnTo>
                    <a:pt x="888970" y="1078741"/>
                  </a:lnTo>
                  <a:lnTo>
                    <a:pt x="836251" y="1080565"/>
                  </a:lnTo>
                  <a:lnTo>
                    <a:pt x="783747" y="1079410"/>
                  </a:lnTo>
                  <a:lnTo>
                    <a:pt x="731889" y="1075334"/>
                  </a:lnTo>
                  <a:lnTo>
                    <a:pt x="681104" y="1068396"/>
                  </a:lnTo>
                  <a:lnTo>
                    <a:pt x="631820" y="1058654"/>
                  </a:lnTo>
                  <a:lnTo>
                    <a:pt x="584465" y="1046167"/>
                  </a:lnTo>
                  <a:lnTo>
                    <a:pt x="539468" y="1030993"/>
                  </a:lnTo>
                  <a:lnTo>
                    <a:pt x="497257" y="1013191"/>
                  </a:lnTo>
                  <a:lnTo>
                    <a:pt x="458260" y="992819"/>
                  </a:lnTo>
                  <a:lnTo>
                    <a:pt x="422906" y="969936"/>
                  </a:lnTo>
                  <a:lnTo>
                    <a:pt x="391622" y="944600"/>
                  </a:lnTo>
                  <a:lnTo>
                    <a:pt x="387989" y="941171"/>
                  </a:lnTo>
                  <a:lnTo>
                    <a:pt x="386211" y="939520"/>
                  </a:lnTo>
                  <a:lnTo>
                    <a:pt x="327713" y="940047"/>
                  </a:lnTo>
                  <a:lnTo>
                    <a:pt x="271902" y="934380"/>
                  </a:lnTo>
                  <a:lnTo>
                    <a:pt x="220066" y="923076"/>
                  </a:lnTo>
                  <a:lnTo>
                    <a:pt x="173496" y="906690"/>
                  </a:lnTo>
                  <a:lnTo>
                    <a:pt x="133480" y="885780"/>
                  </a:lnTo>
                  <a:lnTo>
                    <a:pt x="101308" y="860903"/>
                  </a:lnTo>
                  <a:lnTo>
                    <a:pt x="65651" y="801471"/>
                  </a:lnTo>
                  <a:lnTo>
                    <a:pt x="65176" y="767161"/>
                  </a:lnTo>
                  <a:lnTo>
                    <a:pt x="78148" y="733970"/>
                  </a:lnTo>
                  <a:lnTo>
                    <a:pt x="103873" y="703066"/>
                  </a:lnTo>
                  <a:lnTo>
                    <a:pt x="141660" y="675614"/>
                  </a:lnTo>
                  <a:lnTo>
                    <a:pt x="88543" y="653669"/>
                  </a:lnTo>
                  <a:lnTo>
                    <a:pt x="47201" y="626579"/>
                  </a:lnTo>
                  <a:lnTo>
                    <a:pt x="18251" y="595637"/>
                  </a:lnTo>
                  <a:lnTo>
                    <a:pt x="2312" y="562136"/>
                  </a:lnTo>
                  <a:lnTo>
                    <a:pt x="0" y="527368"/>
                  </a:lnTo>
                  <a:lnTo>
                    <a:pt x="11932" y="492627"/>
                  </a:lnTo>
                  <a:lnTo>
                    <a:pt x="38727" y="459206"/>
                  </a:lnTo>
                  <a:lnTo>
                    <a:pt x="70526" y="434983"/>
                  </a:lnTo>
                  <a:lnTo>
                    <a:pt x="109513" y="414717"/>
                  </a:lnTo>
                  <a:lnTo>
                    <a:pt x="154488" y="398828"/>
                  </a:lnTo>
                  <a:lnTo>
                    <a:pt x="204250" y="387736"/>
                  </a:lnTo>
                  <a:lnTo>
                    <a:pt x="257599" y="381863"/>
                  </a:lnTo>
                  <a:lnTo>
                    <a:pt x="260012" y="378307"/>
                  </a:lnTo>
                  <a:close/>
                </a:path>
                <a:path w="2864485" h="1149350">
                  <a:moveTo>
                    <a:pt x="312551" y="692378"/>
                  </a:moveTo>
                  <a:lnTo>
                    <a:pt x="268747" y="692368"/>
                  </a:lnTo>
                  <a:lnTo>
                    <a:pt x="225683" y="688774"/>
                  </a:lnTo>
                  <a:lnTo>
                    <a:pt x="184096" y="681680"/>
                  </a:lnTo>
                  <a:lnTo>
                    <a:pt x="144721" y="671169"/>
                  </a:lnTo>
                </a:path>
                <a:path w="2864485" h="1149350">
                  <a:moveTo>
                    <a:pt x="460621" y="924280"/>
                  </a:moveTo>
                  <a:lnTo>
                    <a:pt x="442757" y="927850"/>
                  </a:lnTo>
                  <a:lnTo>
                    <a:pt x="424524" y="930741"/>
                  </a:lnTo>
                  <a:lnTo>
                    <a:pt x="405982" y="932942"/>
                  </a:lnTo>
                  <a:lnTo>
                    <a:pt x="387189" y="934440"/>
                  </a:lnTo>
                </a:path>
                <a:path w="2864485" h="1149350">
                  <a:moveTo>
                    <a:pt x="1093322" y="1035786"/>
                  </a:moveTo>
                  <a:lnTo>
                    <a:pt x="1080612" y="1024741"/>
                  </a:lnTo>
                  <a:lnTo>
                    <a:pt x="1068986" y="1013338"/>
                  </a:lnTo>
                  <a:lnTo>
                    <a:pt x="1058478" y="1001603"/>
                  </a:lnTo>
                  <a:lnTo>
                    <a:pt x="1049126" y="989558"/>
                  </a:lnTo>
                </a:path>
                <a:path w="2864485" h="1149350">
                  <a:moveTo>
                    <a:pt x="1911456" y="920343"/>
                  </a:moveTo>
                  <a:lnTo>
                    <a:pt x="1908912" y="933245"/>
                  </a:lnTo>
                  <a:lnTo>
                    <a:pt x="1905106" y="946028"/>
                  </a:lnTo>
                  <a:lnTo>
                    <a:pt x="1900062" y="958669"/>
                  </a:lnTo>
                  <a:lnTo>
                    <a:pt x="1893803" y="971143"/>
                  </a:lnTo>
                </a:path>
                <a:path w="2864485" h="1149350">
                  <a:moveTo>
                    <a:pt x="2262738" y="606653"/>
                  </a:moveTo>
                  <a:lnTo>
                    <a:pt x="2324898" y="627366"/>
                  </a:lnTo>
                  <a:lnTo>
                    <a:pt x="2377875" y="653614"/>
                  </a:lnTo>
                  <a:lnTo>
                    <a:pt x="2420678" y="684520"/>
                  </a:lnTo>
                  <a:lnTo>
                    <a:pt x="2452316" y="719203"/>
                  </a:lnTo>
                  <a:lnTo>
                    <a:pt x="2471797" y="756786"/>
                  </a:lnTo>
                  <a:lnTo>
                    <a:pt x="2478130" y="796391"/>
                  </a:lnTo>
                </a:path>
                <a:path w="2864485" h="1149350">
                  <a:moveTo>
                    <a:pt x="2770865" y="404469"/>
                  </a:moveTo>
                  <a:lnTo>
                    <a:pt x="2752613" y="424439"/>
                  </a:lnTo>
                  <a:lnTo>
                    <a:pt x="2730384" y="443077"/>
                  </a:lnTo>
                  <a:lnTo>
                    <a:pt x="2704392" y="460190"/>
                  </a:lnTo>
                  <a:lnTo>
                    <a:pt x="2674853" y="475589"/>
                  </a:lnTo>
                </a:path>
                <a:path w="2864485" h="1149350">
                  <a:moveTo>
                    <a:pt x="2540614" y="140309"/>
                  </a:moveTo>
                  <a:lnTo>
                    <a:pt x="2543015" y="148693"/>
                  </a:lnTo>
                  <a:lnTo>
                    <a:pt x="2544678" y="157089"/>
                  </a:lnTo>
                  <a:lnTo>
                    <a:pt x="2545579" y="165508"/>
                  </a:lnTo>
                  <a:lnTo>
                    <a:pt x="2545694" y="173964"/>
                  </a:lnTo>
                </a:path>
                <a:path w="2864485" h="1149350">
                  <a:moveTo>
                    <a:pt x="1928093" y="101193"/>
                  </a:moveTo>
                  <a:lnTo>
                    <a:pt x="1938201" y="89771"/>
                  </a:lnTo>
                  <a:lnTo>
                    <a:pt x="1949810" y="78777"/>
                  </a:lnTo>
                  <a:lnTo>
                    <a:pt x="1962847" y="68260"/>
                  </a:lnTo>
                  <a:lnTo>
                    <a:pt x="1977242" y="58267"/>
                  </a:lnTo>
                </a:path>
                <a:path w="2864485" h="1149350">
                  <a:moveTo>
                    <a:pt x="1468480" y="121640"/>
                  </a:moveTo>
                  <a:lnTo>
                    <a:pt x="1472836" y="112095"/>
                  </a:lnTo>
                  <a:lnTo>
                    <a:pt x="1478275" y="102717"/>
                  </a:lnTo>
                  <a:lnTo>
                    <a:pt x="1484786" y="93529"/>
                  </a:lnTo>
                  <a:lnTo>
                    <a:pt x="1492356" y="84556"/>
                  </a:lnTo>
                </a:path>
                <a:path w="2864485" h="1149350">
                  <a:moveTo>
                    <a:pt x="929111" y="134086"/>
                  </a:moveTo>
                  <a:lnTo>
                    <a:pt x="952102" y="141987"/>
                  </a:lnTo>
                  <a:lnTo>
                    <a:pt x="974164" y="150627"/>
                  </a:lnTo>
                  <a:lnTo>
                    <a:pt x="995226" y="159982"/>
                  </a:lnTo>
                  <a:lnTo>
                    <a:pt x="1015217" y="170027"/>
                  </a:lnTo>
                </a:path>
                <a:path w="2864485" h="1149350">
                  <a:moveTo>
                    <a:pt x="275048" y="416026"/>
                  </a:moveTo>
                  <a:lnTo>
                    <a:pt x="270270" y="406721"/>
                  </a:lnTo>
                  <a:lnTo>
                    <a:pt x="266169" y="397309"/>
                  </a:lnTo>
                  <a:lnTo>
                    <a:pt x="262752" y="387826"/>
                  </a:lnTo>
                  <a:lnTo>
                    <a:pt x="260024" y="378307"/>
                  </a:lnTo>
                </a:path>
              </a:pathLst>
            </a:custGeom>
            <a:ln w="57912">
              <a:solidFill>
                <a:srgbClr val="000000"/>
              </a:solidFill>
            </a:ln>
          </p:spPr>
          <p:txBody>
            <a:bodyPr wrap="square" lIns="0" tIns="0" rIns="0" bIns="0" rtlCol="0"/>
            <a:lstStyle/>
            <a:p>
              <a:endParaRPr/>
            </a:p>
          </p:txBody>
        </p:sp>
        <p:pic>
          <p:nvPicPr>
            <p:cNvPr id="10" name="object 10"/>
            <p:cNvPicPr/>
            <p:nvPr/>
          </p:nvPicPr>
          <p:blipFill>
            <a:blip r:embed="rId2" cstate="print"/>
            <a:stretch>
              <a:fillRect/>
            </a:stretch>
          </p:blipFill>
          <p:spPr>
            <a:xfrm>
              <a:off x="1108909" y="2499830"/>
              <a:ext cx="652290" cy="571653"/>
            </a:xfrm>
            <a:prstGeom prst="rect">
              <a:avLst/>
            </a:prstGeom>
          </p:spPr>
        </p:pic>
        <p:pic>
          <p:nvPicPr>
            <p:cNvPr id="11" name="object 11"/>
            <p:cNvPicPr/>
            <p:nvPr/>
          </p:nvPicPr>
          <p:blipFill>
            <a:blip r:embed="rId2" cstate="print"/>
            <a:stretch>
              <a:fillRect/>
            </a:stretch>
          </p:blipFill>
          <p:spPr>
            <a:xfrm>
              <a:off x="1799281" y="2487699"/>
              <a:ext cx="652290" cy="573064"/>
            </a:xfrm>
            <a:prstGeom prst="rect">
              <a:avLst/>
            </a:prstGeom>
          </p:spPr>
        </p:pic>
        <p:pic>
          <p:nvPicPr>
            <p:cNvPr id="12" name="object 12"/>
            <p:cNvPicPr/>
            <p:nvPr/>
          </p:nvPicPr>
          <p:blipFill>
            <a:blip r:embed="rId3" cstate="print"/>
            <a:stretch>
              <a:fillRect/>
            </a:stretch>
          </p:blipFill>
          <p:spPr>
            <a:xfrm>
              <a:off x="2493263" y="2455164"/>
              <a:ext cx="697992" cy="618743"/>
            </a:xfrm>
            <a:prstGeom prst="rect">
              <a:avLst/>
            </a:prstGeom>
          </p:spPr>
        </p:pic>
        <p:pic>
          <p:nvPicPr>
            <p:cNvPr id="13" name="object 13"/>
            <p:cNvPicPr/>
            <p:nvPr/>
          </p:nvPicPr>
          <p:blipFill>
            <a:blip r:embed="rId4" cstate="print"/>
            <a:stretch>
              <a:fillRect/>
            </a:stretch>
          </p:blipFill>
          <p:spPr>
            <a:xfrm>
              <a:off x="1645733" y="4544009"/>
              <a:ext cx="1051932" cy="1028293"/>
            </a:xfrm>
            <a:prstGeom prst="rect">
              <a:avLst/>
            </a:prstGeom>
          </p:spPr>
        </p:pic>
        <p:pic>
          <p:nvPicPr>
            <p:cNvPr id="14" name="object 14"/>
            <p:cNvPicPr/>
            <p:nvPr/>
          </p:nvPicPr>
          <p:blipFill>
            <a:blip r:embed="rId5" cstate="print"/>
            <a:stretch>
              <a:fillRect/>
            </a:stretch>
          </p:blipFill>
          <p:spPr>
            <a:xfrm>
              <a:off x="71627" y="4611877"/>
              <a:ext cx="1121664" cy="939673"/>
            </a:xfrm>
            <a:prstGeom prst="rect">
              <a:avLst/>
            </a:prstGeom>
          </p:spPr>
        </p:pic>
      </p:grpSp>
      <p:pic>
        <p:nvPicPr>
          <p:cNvPr id="15" name="object 15"/>
          <p:cNvPicPr/>
          <p:nvPr/>
        </p:nvPicPr>
        <p:blipFill>
          <a:blip r:embed="rId6" cstate="print"/>
          <a:stretch>
            <a:fillRect/>
          </a:stretch>
        </p:blipFill>
        <p:spPr>
          <a:xfrm>
            <a:off x="4597296" y="4661982"/>
            <a:ext cx="1152270" cy="895552"/>
          </a:xfrm>
          <a:prstGeom prst="rect">
            <a:avLst/>
          </a:prstGeom>
        </p:spPr>
      </p:pic>
      <p:sp>
        <p:nvSpPr>
          <p:cNvPr id="16" name="object 16"/>
          <p:cNvSpPr txBox="1"/>
          <p:nvPr/>
        </p:nvSpPr>
        <p:spPr>
          <a:xfrm>
            <a:off x="3084575" y="3773424"/>
            <a:ext cx="1216660" cy="212879"/>
          </a:xfrm>
          <a:prstGeom prst="rect">
            <a:avLst/>
          </a:prstGeom>
          <a:solidFill>
            <a:srgbClr val="F1F1F1"/>
          </a:solidFill>
        </p:spPr>
        <p:txBody>
          <a:bodyPr vert="horz" wrap="square" lIns="0" tIns="27940" rIns="0" bIns="0" rtlCol="0">
            <a:spAutoFit/>
          </a:bodyPr>
          <a:lstStyle/>
          <a:p>
            <a:pPr marL="90805">
              <a:spcBef>
                <a:spcPts val="220"/>
              </a:spcBef>
            </a:pPr>
            <a:r>
              <a:rPr sz="1200" b="1" spc="-10" dirty="0">
                <a:latin typeface="メイリオ"/>
                <a:cs typeface="メイリオ"/>
              </a:rPr>
              <a:t>ゲートウェイ</a:t>
            </a:r>
            <a:endParaRPr sz="1200">
              <a:latin typeface="メイリオ"/>
              <a:cs typeface="メイリオ"/>
            </a:endParaRPr>
          </a:p>
        </p:txBody>
      </p:sp>
      <p:sp>
        <p:nvSpPr>
          <p:cNvPr id="17" name="object 17"/>
          <p:cNvSpPr txBox="1"/>
          <p:nvPr/>
        </p:nvSpPr>
        <p:spPr>
          <a:xfrm>
            <a:off x="1694687" y="3785616"/>
            <a:ext cx="1217930" cy="212879"/>
          </a:xfrm>
          <a:prstGeom prst="rect">
            <a:avLst/>
          </a:prstGeom>
          <a:solidFill>
            <a:srgbClr val="F1F1F1"/>
          </a:solidFill>
        </p:spPr>
        <p:txBody>
          <a:bodyPr vert="horz" wrap="square" lIns="0" tIns="27940" rIns="0" bIns="0" rtlCol="0">
            <a:spAutoFit/>
          </a:bodyPr>
          <a:lstStyle/>
          <a:p>
            <a:pPr marL="91440">
              <a:spcBef>
                <a:spcPts val="220"/>
              </a:spcBef>
            </a:pPr>
            <a:r>
              <a:rPr sz="1200" b="1" spc="-10" dirty="0">
                <a:latin typeface="メイリオ"/>
                <a:cs typeface="メイリオ"/>
              </a:rPr>
              <a:t>ゲートウェイ</a:t>
            </a:r>
            <a:endParaRPr sz="1200">
              <a:latin typeface="メイリオ"/>
              <a:cs typeface="メイリオ"/>
            </a:endParaRPr>
          </a:p>
        </p:txBody>
      </p:sp>
      <p:sp>
        <p:nvSpPr>
          <p:cNvPr id="18" name="object 18"/>
          <p:cNvSpPr txBox="1"/>
          <p:nvPr/>
        </p:nvSpPr>
        <p:spPr>
          <a:xfrm>
            <a:off x="4491227" y="3773424"/>
            <a:ext cx="1217930" cy="212879"/>
          </a:xfrm>
          <a:prstGeom prst="rect">
            <a:avLst/>
          </a:prstGeom>
          <a:solidFill>
            <a:srgbClr val="F1F1F1"/>
          </a:solidFill>
        </p:spPr>
        <p:txBody>
          <a:bodyPr vert="horz" wrap="square" lIns="0" tIns="27940" rIns="0" bIns="0" rtlCol="0">
            <a:spAutoFit/>
          </a:bodyPr>
          <a:lstStyle/>
          <a:p>
            <a:pPr marL="92075">
              <a:spcBef>
                <a:spcPts val="220"/>
              </a:spcBef>
            </a:pPr>
            <a:r>
              <a:rPr sz="1200" b="1" spc="-10" dirty="0">
                <a:latin typeface="メイリオ"/>
                <a:cs typeface="メイリオ"/>
              </a:rPr>
              <a:t>ゲートウェイ</a:t>
            </a:r>
            <a:endParaRPr sz="1200">
              <a:latin typeface="メイリオ"/>
              <a:cs typeface="メイリオ"/>
            </a:endParaRPr>
          </a:p>
        </p:txBody>
      </p:sp>
      <p:grpSp>
        <p:nvGrpSpPr>
          <p:cNvPr id="19" name="object 19"/>
          <p:cNvGrpSpPr/>
          <p:nvPr/>
        </p:nvGrpSpPr>
        <p:grpSpPr>
          <a:xfrm>
            <a:off x="1504950" y="3243072"/>
            <a:ext cx="4597400" cy="1355090"/>
            <a:chOff x="-19050" y="3243072"/>
            <a:chExt cx="4597400" cy="1355090"/>
          </a:xfrm>
        </p:grpSpPr>
        <p:sp>
          <p:nvSpPr>
            <p:cNvPr id="20" name="object 20"/>
            <p:cNvSpPr/>
            <p:nvPr/>
          </p:nvSpPr>
          <p:spPr>
            <a:xfrm>
              <a:off x="3720084" y="4131563"/>
              <a:ext cx="262255" cy="460375"/>
            </a:xfrm>
            <a:custGeom>
              <a:avLst/>
              <a:gdLst/>
              <a:ahLst/>
              <a:cxnLst/>
              <a:rect l="l" t="t" r="r" b="b"/>
              <a:pathLst>
                <a:path w="262254" h="460375">
                  <a:moveTo>
                    <a:pt x="196595" y="0"/>
                  </a:moveTo>
                  <a:lnTo>
                    <a:pt x="65531" y="0"/>
                  </a:lnTo>
                  <a:lnTo>
                    <a:pt x="65531" y="329184"/>
                  </a:lnTo>
                  <a:lnTo>
                    <a:pt x="0" y="329184"/>
                  </a:lnTo>
                  <a:lnTo>
                    <a:pt x="131063" y="460248"/>
                  </a:lnTo>
                  <a:lnTo>
                    <a:pt x="262127" y="329184"/>
                  </a:lnTo>
                  <a:lnTo>
                    <a:pt x="196595" y="329184"/>
                  </a:lnTo>
                  <a:lnTo>
                    <a:pt x="196595" y="0"/>
                  </a:lnTo>
                  <a:close/>
                </a:path>
              </a:pathLst>
            </a:custGeom>
            <a:solidFill>
              <a:srgbClr val="000000"/>
            </a:solidFill>
          </p:spPr>
          <p:txBody>
            <a:bodyPr wrap="square" lIns="0" tIns="0" rIns="0" bIns="0" rtlCol="0"/>
            <a:lstStyle/>
            <a:p>
              <a:endParaRPr/>
            </a:p>
          </p:txBody>
        </p:sp>
        <p:sp>
          <p:nvSpPr>
            <p:cNvPr id="21" name="object 21"/>
            <p:cNvSpPr/>
            <p:nvPr/>
          </p:nvSpPr>
          <p:spPr>
            <a:xfrm>
              <a:off x="3720084" y="4131563"/>
              <a:ext cx="262255" cy="460375"/>
            </a:xfrm>
            <a:custGeom>
              <a:avLst/>
              <a:gdLst/>
              <a:ahLst/>
              <a:cxnLst/>
              <a:rect l="l" t="t" r="r" b="b"/>
              <a:pathLst>
                <a:path w="262254" h="460375">
                  <a:moveTo>
                    <a:pt x="0" y="329184"/>
                  </a:moveTo>
                  <a:lnTo>
                    <a:pt x="65531" y="329184"/>
                  </a:lnTo>
                  <a:lnTo>
                    <a:pt x="65531" y="0"/>
                  </a:lnTo>
                  <a:lnTo>
                    <a:pt x="196595" y="0"/>
                  </a:lnTo>
                  <a:lnTo>
                    <a:pt x="196595" y="329184"/>
                  </a:lnTo>
                  <a:lnTo>
                    <a:pt x="262127" y="329184"/>
                  </a:lnTo>
                  <a:lnTo>
                    <a:pt x="131063" y="460248"/>
                  </a:lnTo>
                  <a:lnTo>
                    <a:pt x="0" y="329184"/>
                  </a:lnTo>
                  <a:close/>
                </a:path>
              </a:pathLst>
            </a:custGeom>
            <a:ln w="12192">
              <a:solidFill>
                <a:srgbClr val="000000"/>
              </a:solidFill>
            </a:ln>
          </p:spPr>
          <p:txBody>
            <a:bodyPr wrap="square" lIns="0" tIns="0" rIns="0" bIns="0" rtlCol="0"/>
            <a:lstStyle/>
            <a:p>
              <a:endParaRPr/>
            </a:p>
          </p:txBody>
        </p:sp>
        <p:sp>
          <p:nvSpPr>
            <p:cNvPr id="22" name="object 22"/>
            <p:cNvSpPr/>
            <p:nvPr/>
          </p:nvSpPr>
          <p:spPr>
            <a:xfrm>
              <a:off x="2220467" y="4088891"/>
              <a:ext cx="262255" cy="460375"/>
            </a:xfrm>
            <a:custGeom>
              <a:avLst/>
              <a:gdLst/>
              <a:ahLst/>
              <a:cxnLst/>
              <a:rect l="l" t="t" r="r" b="b"/>
              <a:pathLst>
                <a:path w="262255" h="460375">
                  <a:moveTo>
                    <a:pt x="196595" y="0"/>
                  </a:moveTo>
                  <a:lnTo>
                    <a:pt x="65531" y="0"/>
                  </a:lnTo>
                  <a:lnTo>
                    <a:pt x="65531" y="329183"/>
                  </a:lnTo>
                  <a:lnTo>
                    <a:pt x="0" y="329183"/>
                  </a:lnTo>
                  <a:lnTo>
                    <a:pt x="131063" y="460247"/>
                  </a:lnTo>
                  <a:lnTo>
                    <a:pt x="262127" y="329183"/>
                  </a:lnTo>
                  <a:lnTo>
                    <a:pt x="196595" y="329183"/>
                  </a:lnTo>
                  <a:lnTo>
                    <a:pt x="196595" y="0"/>
                  </a:lnTo>
                  <a:close/>
                </a:path>
              </a:pathLst>
            </a:custGeom>
            <a:solidFill>
              <a:srgbClr val="000000"/>
            </a:solidFill>
          </p:spPr>
          <p:txBody>
            <a:bodyPr wrap="square" lIns="0" tIns="0" rIns="0" bIns="0" rtlCol="0"/>
            <a:lstStyle/>
            <a:p>
              <a:endParaRPr/>
            </a:p>
          </p:txBody>
        </p:sp>
        <p:sp>
          <p:nvSpPr>
            <p:cNvPr id="23" name="object 23"/>
            <p:cNvSpPr/>
            <p:nvPr/>
          </p:nvSpPr>
          <p:spPr>
            <a:xfrm>
              <a:off x="2220467" y="4088891"/>
              <a:ext cx="262255" cy="460375"/>
            </a:xfrm>
            <a:custGeom>
              <a:avLst/>
              <a:gdLst/>
              <a:ahLst/>
              <a:cxnLst/>
              <a:rect l="l" t="t" r="r" b="b"/>
              <a:pathLst>
                <a:path w="262255" h="460375">
                  <a:moveTo>
                    <a:pt x="0" y="329183"/>
                  </a:moveTo>
                  <a:lnTo>
                    <a:pt x="65531" y="329183"/>
                  </a:lnTo>
                  <a:lnTo>
                    <a:pt x="65531" y="0"/>
                  </a:lnTo>
                  <a:lnTo>
                    <a:pt x="196595" y="0"/>
                  </a:lnTo>
                  <a:lnTo>
                    <a:pt x="196595" y="329183"/>
                  </a:lnTo>
                  <a:lnTo>
                    <a:pt x="262127" y="329183"/>
                  </a:lnTo>
                  <a:lnTo>
                    <a:pt x="131063" y="460247"/>
                  </a:lnTo>
                  <a:lnTo>
                    <a:pt x="0" y="329183"/>
                  </a:lnTo>
                  <a:close/>
                </a:path>
              </a:pathLst>
            </a:custGeom>
            <a:ln w="12192">
              <a:solidFill>
                <a:srgbClr val="000000"/>
              </a:solidFill>
            </a:ln>
          </p:spPr>
          <p:txBody>
            <a:bodyPr wrap="square" lIns="0" tIns="0" rIns="0" bIns="0" rtlCol="0"/>
            <a:lstStyle/>
            <a:p>
              <a:endParaRPr/>
            </a:p>
          </p:txBody>
        </p:sp>
        <p:sp>
          <p:nvSpPr>
            <p:cNvPr id="24" name="object 24"/>
            <p:cNvSpPr/>
            <p:nvPr/>
          </p:nvSpPr>
          <p:spPr>
            <a:xfrm>
              <a:off x="766572" y="4122419"/>
              <a:ext cx="260985" cy="460375"/>
            </a:xfrm>
            <a:custGeom>
              <a:avLst/>
              <a:gdLst/>
              <a:ahLst/>
              <a:cxnLst/>
              <a:rect l="l" t="t" r="r" b="b"/>
              <a:pathLst>
                <a:path w="260984" h="460375">
                  <a:moveTo>
                    <a:pt x="195453" y="0"/>
                  </a:moveTo>
                  <a:lnTo>
                    <a:pt x="65150" y="0"/>
                  </a:lnTo>
                  <a:lnTo>
                    <a:pt x="65150" y="329945"/>
                  </a:lnTo>
                  <a:lnTo>
                    <a:pt x="0" y="329945"/>
                  </a:lnTo>
                  <a:lnTo>
                    <a:pt x="130302" y="460247"/>
                  </a:lnTo>
                  <a:lnTo>
                    <a:pt x="260603" y="329945"/>
                  </a:lnTo>
                  <a:lnTo>
                    <a:pt x="195453" y="329945"/>
                  </a:lnTo>
                  <a:lnTo>
                    <a:pt x="195453" y="0"/>
                  </a:lnTo>
                  <a:close/>
                </a:path>
              </a:pathLst>
            </a:custGeom>
            <a:solidFill>
              <a:srgbClr val="000000"/>
            </a:solidFill>
          </p:spPr>
          <p:txBody>
            <a:bodyPr wrap="square" lIns="0" tIns="0" rIns="0" bIns="0" rtlCol="0"/>
            <a:lstStyle/>
            <a:p>
              <a:endParaRPr/>
            </a:p>
          </p:txBody>
        </p:sp>
        <p:sp>
          <p:nvSpPr>
            <p:cNvPr id="25" name="object 25"/>
            <p:cNvSpPr/>
            <p:nvPr/>
          </p:nvSpPr>
          <p:spPr>
            <a:xfrm>
              <a:off x="766572" y="4122419"/>
              <a:ext cx="260985" cy="460375"/>
            </a:xfrm>
            <a:custGeom>
              <a:avLst/>
              <a:gdLst/>
              <a:ahLst/>
              <a:cxnLst/>
              <a:rect l="l" t="t" r="r" b="b"/>
              <a:pathLst>
                <a:path w="260984" h="460375">
                  <a:moveTo>
                    <a:pt x="0" y="329945"/>
                  </a:moveTo>
                  <a:lnTo>
                    <a:pt x="65150" y="329945"/>
                  </a:lnTo>
                  <a:lnTo>
                    <a:pt x="65150" y="0"/>
                  </a:lnTo>
                  <a:lnTo>
                    <a:pt x="195453" y="0"/>
                  </a:lnTo>
                  <a:lnTo>
                    <a:pt x="195453" y="329945"/>
                  </a:lnTo>
                  <a:lnTo>
                    <a:pt x="260603" y="329945"/>
                  </a:lnTo>
                  <a:lnTo>
                    <a:pt x="130302" y="460247"/>
                  </a:lnTo>
                  <a:lnTo>
                    <a:pt x="0" y="329945"/>
                  </a:lnTo>
                  <a:close/>
                </a:path>
              </a:pathLst>
            </a:custGeom>
            <a:ln w="12192">
              <a:solidFill>
                <a:srgbClr val="000000"/>
              </a:solidFill>
            </a:ln>
          </p:spPr>
          <p:txBody>
            <a:bodyPr wrap="square" lIns="0" tIns="0" rIns="0" bIns="0" rtlCol="0"/>
            <a:lstStyle/>
            <a:p>
              <a:endParaRPr/>
            </a:p>
          </p:txBody>
        </p:sp>
        <p:sp>
          <p:nvSpPr>
            <p:cNvPr id="26" name="object 26"/>
            <p:cNvSpPr/>
            <p:nvPr/>
          </p:nvSpPr>
          <p:spPr>
            <a:xfrm>
              <a:off x="3383279" y="4075175"/>
              <a:ext cx="262255" cy="460375"/>
            </a:xfrm>
            <a:custGeom>
              <a:avLst/>
              <a:gdLst/>
              <a:ahLst/>
              <a:cxnLst/>
              <a:rect l="l" t="t" r="r" b="b"/>
              <a:pathLst>
                <a:path w="262254" h="460375">
                  <a:moveTo>
                    <a:pt x="131064" y="0"/>
                  </a:moveTo>
                  <a:lnTo>
                    <a:pt x="0" y="131063"/>
                  </a:lnTo>
                  <a:lnTo>
                    <a:pt x="65532" y="131063"/>
                  </a:lnTo>
                  <a:lnTo>
                    <a:pt x="65532" y="460248"/>
                  </a:lnTo>
                  <a:lnTo>
                    <a:pt x="196596" y="460248"/>
                  </a:lnTo>
                  <a:lnTo>
                    <a:pt x="196596" y="131063"/>
                  </a:lnTo>
                  <a:lnTo>
                    <a:pt x="262128" y="131063"/>
                  </a:lnTo>
                  <a:lnTo>
                    <a:pt x="131064" y="0"/>
                  </a:lnTo>
                  <a:close/>
                </a:path>
              </a:pathLst>
            </a:custGeom>
            <a:solidFill>
              <a:srgbClr val="000000"/>
            </a:solidFill>
          </p:spPr>
          <p:txBody>
            <a:bodyPr wrap="square" lIns="0" tIns="0" rIns="0" bIns="0" rtlCol="0"/>
            <a:lstStyle/>
            <a:p>
              <a:endParaRPr/>
            </a:p>
          </p:txBody>
        </p:sp>
        <p:sp>
          <p:nvSpPr>
            <p:cNvPr id="27" name="object 27"/>
            <p:cNvSpPr/>
            <p:nvPr/>
          </p:nvSpPr>
          <p:spPr>
            <a:xfrm>
              <a:off x="3383279" y="4075175"/>
              <a:ext cx="262255" cy="460375"/>
            </a:xfrm>
            <a:custGeom>
              <a:avLst/>
              <a:gdLst/>
              <a:ahLst/>
              <a:cxnLst/>
              <a:rect l="l" t="t" r="r" b="b"/>
              <a:pathLst>
                <a:path w="262254" h="460375">
                  <a:moveTo>
                    <a:pt x="262128" y="131063"/>
                  </a:moveTo>
                  <a:lnTo>
                    <a:pt x="196596" y="131063"/>
                  </a:lnTo>
                  <a:lnTo>
                    <a:pt x="196596" y="460248"/>
                  </a:lnTo>
                  <a:lnTo>
                    <a:pt x="65532" y="460248"/>
                  </a:lnTo>
                  <a:lnTo>
                    <a:pt x="65532" y="131063"/>
                  </a:lnTo>
                  <a:lnTo>
                    <a:pt x="0" y="131063"/>
                  </a:lnTo>
                  <a:lnTo>
                    <a:pt x="131064" y="0"/>
                  </a:lnTo>
                  <a:lnTo>
                    <a:pt x="262128" y="131063"/>
                  </a:lnTo>
                  <a:close/>
                </a:path>
              </a:pathLst>
            </a:custGeom>
            <a:ln w="12192">
              <a:solidFill>
                <a:srgbClr val="000000"/>
              </a:solidFill>
            </a:ln>
          </p:spPr>
          <p:txBody>
            <a:bodyPr wrap="square" lIns="0" tIns="0" rIns="0" bIns="0" rtlCol="0"/>
            <a:lstStyle/>
            <a:p>
              <a:endParaRPr/>
            </a:p>
          </p:txBody>
        </p:sp>
        <p:sp>
          <p:nvSpPr>
            <p:cNvPr id="28" name="object 28"/>
            <p:cNvSpPr/>
            <p:nvPr/>
          </p:nvSpPr>
          <p:spPr>
            <a:xfrm>
              <a:off x="1883664" y="4032504"/>
              <a:ext cx="262255" cy="460375"/>
            </a:xfrm>
            <a:custGeom>
              <a:avLst/>
              <a:gdLst/>
              <a:ahLst/>
              <a:cxnLst/>
              <a:rect l="l" t="t" r="r" b="b"/>
              <a:pathLst>
                <a:path w="262255" h="460375">
                  <a:moveTo>
                    <a:pt x="131063" y="0"/>
                  </a:moveTo>
                  <a:lnTo>
                    <a:pt x="0" y="131064"/>
                  </a:lnTo>
                  <a:lnTo>
                    <a:pt x="65531" y="131064"/>
                  </a:lnTo>
                  <a:lnTo>
                    <a:pt x="65531" y="460248"/>
                  </a:lnTo>
                  <a:lnTo>
                    <a:pt x="196596" y="460248"/>
                  </a:lnTo>
                  <a:lnTo>
                    <a:pt x="196596" y="131064"/>
                  </a:lnTo>
                  <a:lnTo>
                    <a:pt x="262128" y="131064"/>
                  </a:lnTo>
                  <a:lnTo>
                    <a:pt x="131063" y="0"/>
                  </a:lnTo>
                  <a:close/>
                </a:path>
              </a:pathLst>
            </a:custGeom>
            <a:solidFill>
              <a:srgbClr val="000000"/>
            </a:solidFill>
          </p:spPr>
          <p:txBody>
            <a:bodyPr wrap="square" lIns="0" tIns="0" rIns="0" bIns="0" rtlCol="0"/>
            <a:lstStyle/>
            <a:p>
              <a:endParaRPr/>
            </a:p>
          </p:txBody>
        </p:sp>
        <p:sp>
          <p:nvSpPr>
            <p:cNvPr id="29" name="object 29"/>
            <p:cNvSpPr/>
            <p:nvPr/>
          </p:nvSpPr>
          <p:spPr>
            <a:xfrm>
              <a:off x="1883664" y="4032504"/>
              <a:ext cx="262255" cy="460375"/>
            </a:xfrm>
            <a:custGeom>
              <a:avLst/>
              <a:gdLst/>
              <a:ahLst/>
              <a:cxnLst/>
              <a:rect l="l" t="t" r="r" b="b"/>
              <a:pathLst>
                <a:path w="262255" h="460375">
                  <a:moveTo>
                    <a:pt x="262128" y="131064"/>
                  </a:moveTo>
                  <a:lnTo>
                    <a:pt x="196596" y="131064"/>
                  </a:lnTo>
                  <a:lnTo>
                    <a:pt x="196596" y="460248"/>
                  </a:lnTo>
                  <a:lnTo>
                    <a:pt x="65531" y="460248"/>
                  </a:lnTo>
                  <a:lnTo>
                    <a:pt x="65531" y="131064"/>
                  </a:lnTo>
                  <a:lnTo>
                    <a:pt x="0" y="131064"/>
                  </a:lnTo>
                  <a:lnTo>
                    <a:pt x="131063" y="0"/>
                  </a:lnTo>
                  <a:lnTo>
                    <a:pt x="262128" y="131064"/>
                  </a:lnTo>
                  <a:close/>
                </a:path>
              </a:pathLst>
            </a:custGeom>
            <a:ln w="12192">
              <a:solidFill>
                <a:srgbClr val="000000"/>
              </a:solidFill>
            </a:ln>
          </p:spPr>
          <p:txBody>
            <a:bodyPr wrap="square" lIns="0" tIns="0" rIns="0" bIns="0" rtlCol="0"/>
            <a:lstStyle/>
            <a:p>
              <a:endParaRPr/>
            </a:p>
          </p:txBody>
        </p:sp>
        <p:sp>
          <p:nvSpPr>
            <p:cNvPr id="30" name="object 30"/>
            <p:cNvSpPr/>
            <p:nvPr/>
          </p:nvSpPr>
          <p:spPr>
            <a:xfrm>
              <a:off x="429768" y="4066032"/>
              <a:ext cx="260985" cy="460375"/>
            </a:xfrm>
            <a:custGeom>
              <a:avLst/>
              <a:gdLst/>
              <a:ahLst/>
              <a:cxnLst/>
              <a:rect l="l" t="t" r="r" b="b"/>
              <a:pathLst>
                <a:path w="260984" h="460375">
                  <a:moveTo>
                    <a:pt x="130301" y="0"/>
                  </a:moveTo>
                  <a:lnTo>
                    <a:pt x="0" y="130302"/>
                  </a:lnTo>
                  <a:lnTo>
                    <a:pt x="65150" y="130302"/>
                  </a:lnTo>
                  <a:lnTo>
                    <a:pt x="65150" y="460248"/>
                  </a:lnTo>
                  <a:lnTo>
                    <a:pt x="195452" y="460248"/>
                  </a:lnTo>
                  <a:lnTo>
                    <a:pt x="195452" y="130302"/>
                  </a:lnTo>
                  <a:lnTo>
                    <a:pt x="260603" y="130302"/>
                  </a:lnTo>
                  <a:lnTo>
                    <a:pt x="130301" y="0"/>
                  </a:lnTo>
                  <a:close/>
                </a:path>
              </a:pathLst>
            </a:custGeom>
            <a:solidFill>
              <a:srgbClr val="000000"/>
            </a:solidFill>
          </p:spPr>
          <p:txBody>
            <a:bodyPr wrap="square" lIns="0" tIns="0" rIns="0" bIns="0" rtlCol="0"/>
            <a:lstStyle/>
            <a:p>
              <a:endParaRPr/>
            </a:p>
          </p:txBody>
        </p:sp>
        <p:sp>
          <p:nvSpPr>
            <p:cNvPr id="31" name="object 31"/>
            <p:cNvSpPr/>
            <p:nvPr/>
          </p:nvSpPr>
          <p:spPr>
            <a:xfrm>
              <a:off x="429768" y="4066032"/>
              <a:ext cx="260985" cy="460375"/>
            </a:xfrm>
            <a:custGeom>
              <a:avLst/>
              <a:gdLst/>
              <a:ahLst/>
              <a:cxnLst/>
              <a:rect l="l" t="t" r="r" b="b"/>
              <a:pathLst>
                <a:path w="260984" h="460375">
                  <a:moveTo>
                    <a:pt x="260603" y="130302"/>
                  </a:moveTo>
                  <a:lnTo>
                    <a:pt x="195452" y="130302"/>
                  </a:lnTo>
                  <a:lnTo>
                    <a:pt x="195452" y="460248"/>
                  </a:lnTo>
                  <a:lnTo>
                    <a:pt x="65150" y="460248"/>
                  </a:lnTo>
                  <a:lnTo>
                    <a:pt x="65150" y="130302"/>
                  </a:lnTo>
                  <a:lnTo>
                    <a:pt x="0" y="130302"/>
                  </a:lnTo>
                  <a:lnTo>
                    <a:pt x="130301" y="0"/>
                  </a:lnTo>
                  <a:lnTo>
                    <a:pt x="260603" y="130302"/>
                  </a:lnTo>
                  <a:close/>
                </a:path>
              </a:pathLst>
            </a:custGeom>
            <a:ln w="12192">
              <a:solidFill>
                <a:srgbClr val="000000"/>
              </a:solidFill>
            </a:ln>
          </p:spPr>
          <p:txBody>
            <a:bodyPr wrap="square" lIns="0" tIns="0" rIns="0" bIns="0" rtlCol="0"/>
            <a:lstStyle/>
            <a:p>
              <a:endParaRPr/>
            </a:p>
          </p:txBody>
        </p:sp>
        <p:sp>
          <p:nvSpPr>
            <p:cNvPr id="32" name="object 32"/>
            <p:cNvSpPr/>
            <p:nvPr/>
          </p:nvSpPr>
          <p:spPr>
            <a:xfrm>
              <a:off x="578967" y="3243071"/>
              <a:ext cx="3020695" cy="530860"/>
            </a:xfrm>
            <a:custGeom>
              <a:avLst/>
              <a:gdLst/>
              <a:ahLst/>
              <a:cxnLst/>
              <a:rect l="l" t="t" r="r" b="b"/>
              <a:pathLst>
                <a:path w="3020695" h="530860">
                  <a:moveTo>
                    <a:pt x="460298" y="0"/>
                  </a:moveTo>
                  <a:lnTo>
                    <a:pt x="215341" y="72898"/>
                  </a:lnTo>
                  <a:lnTo>
                    <a:pt x="267449" y="128536"/>
                  </a:lnTo>
                  <a:lnTo>
                    <a:pt x="0" y="379222"/>
                  </a:lnTo>
                  <a:lnTo>
                    <a:pt x="52108" y="434721"/>
                  </a:lnTo>
                  <a:lnTo>
                    <a:pt x="319557" y="184162"/>
                  </a:lnTo>
                  <a:lnTo>
                    <a:pt x="371665" y="239776"/>
                  </a:lnTo>
                  <a:lnTo>
                    <a:pt x="422402" y="102489"/>
                  </a:lnTo>
                  <a:lnTo>
                    <a:pt x="460298" y="0"/>
                  </a:lnTo>
                  <a:close/>
                </a:path>
                <a:path w="3020695" h="530860">
                  <a:moveTo>
                    <a:pt x="1701698" y="296049"/>
                  </a:moveTo>
                  <a:lnTo>
                    <a:pt x="1682559" y="258699"/>
                  </a:lnTo>
                  <a:lnTo>
                    <a:pt x="1585112" y="68580"/>
                  </a:lnTo>
                  <a:lnTo>
                    <a:pt x="1473098" y="298335"/>
                  </a:lnTo>
                  <a:lnTo>
                    <a:pt x="1549273" y="297573"/>
                  </a:lnTo>
                  <a:lnTo>
                    <a:pt x="1551444" y="529971"/>
                  </a:lnTo>
                  <a:lnTo>
                    <a:pt x="1551457" y="530733"/>
                  </a:lnTo>
                  <a:lnTo>
                    <a:pt x="1627657" y="529971"/>
                  </a:lnTo>
                  <a:lnTo>
                    <a:pt x="1625485" y="298335"/>
                  </a:lnTo>
                  <a:lnTo>
                    <a:pt x="1625473" y="296811"/>
                  </a:lnTo>
                  <a:lnTo>
                    <a:pt x="1701698" y="296049"/>
                  </a:lnTo>
                  <a:close/>
                </a:path>
                <a:path w="3020695" h="530860">
                  <a:moveTo>
                    <a:pt x="3020212" y="435229"/>
                  </a:moveTo>
                  <a:lnTo>
                    <a:pt x="2609875" y="140500"/>
                  </a:lnTo>
                  <a:lnTo>
                    <a:pt x="2625864" y="118237"/>
                  </a:lnTo>
                  <a:lnTo>
                    <a:pt x="2654325" y="78613"/>
                  </a:lnTo>
                  <a:lnTo>
                    <a:pt x="2401976" y="38100"/>
                  </a:lnTo>
                  <a:lnTo>
                    <a:pt x="2520975" y="264287"/>
                  </a:lnTo>
                  <a:lnTo>
                    <a:pt x="2565387" y="202450"/>
                  </a:lnTo>
                  <a:lnTo>
                    <a:pt x="2975762" y="497078"/>
                  </a:lnTo>
                  <a:lnTo>
                    <a:pt x="3020212" y="435229"/>
                  </a:lnTo>
                  <a:close/>
                </a:path>
              </a:pathLst>
            </a:custGeom>
            <a:solidFill>
              <a:srgbClr val="000000"/>
            </a:solidFill>
          </p:spPr>
          <p:txBody>
            <a:bodyPr wrap="square" lIns="0" tIns="0" rIns="0" bIns="0" rtlCol="0"/>
            <a:lstStyle/>
            <a:p>
              <a:endParaRPr/>
            </a:p>
          </p:txBody>
        </p:sp>
        <p:sp>
          <p:nvSpPr>
            <p:cNvPr id="33" name="object 33"/>
            <p:cNvSpPr/>
            <p:nvPr/>
          </p:nvSpPr>
          <p:spPr>
            <a:xfrm>
              <a:off x="0" y="3484626"/>
              <a:ext cx="4559300" cy="932815"/>
            </a:xfrm>
            <a:custGeom>
              <a:avLst/>
              <a:gdLst/>
              <a:ahLst/>
              <a:cxnLst/>
              <a:rect l="l" t="t" r="r" b="b"/>
              <a:pathLst>
                <a:path w="4559300" h="932814">
                  <a:moveTo>
                    <a:pt x="0" y="416834"/>
                  </a:moveTo>
                  <a:lnTo>
                    <a:pt x="29904" y="376007"/>
                  </a:lnTo>
                  <a:lnTo>
                    <a:pt x="62436" y="347117"/>
                  </a:lnTo>
                  <a:lnTo>
                    <a:pt x="103588" y="318942"/>
                  </a:lnTo>
                  <a:lnTo>
                    <a:pt x="153059" y="291542"/>
                  </a:lnTo>
                  <a:lnTo>
                    <a:pt x="210548" y="264979"/>
                  </a:lnTo>
                  <a:lnTo>
                    <a:pt x="275754" y="239315"/>
                  </a:lnTo>
                  <a:lnTo>
                    <a:pt x="348376" y="214610"/>
                  </a:lnTo>
                  <a:lnTo>
                    <a:pt x="387373" y="202637"/>
                  </a:lnTo>
                  <a:lnTo>
                    <a:pt x="428112" y="190926"/>
                  </a:lnTo>
                  <a:lnTo>
                    <a:pt x="470554" y="179487"/>
                  </a:lnTo>
                  <a:lnTo>
                    <a:pt x="514661" y="168325"/>
                  </a:lnTo>
                  <a:lnTo>
                    <a:pt x="560396" y="157450"/>
                  </a:lnTo>
                  <a:lnTo>
                    <a:pt x="607722" y="146868"/>
                  </a:lnTo>
                  <a:lnTo>
                    <a:pt x="656601" y="136588"/>
                  </a:lnTo>
                  <a:lnTo>
                    <a:pt x="706994" y="126617"/>
                  </a:lnTo>
                  <a:lnTo>
                    <a:pt x="758865" y="116962"/>
                  </a:lnTo>
                  <a:lnTo>
                    <a:pt x="812175" y="107632"/>
                  </a:lnTo>
                  <a:lnTo>
                    <a:pt x="866888" y="98635"/>
                  </a:lnTo>
                  <a:lnTo>
                    <a:pt x="922965" y="89976"/>
                  </a:lnTo>
                  <a:lnTo>
                    <a:pt x="980369" y="81666"/>
                  </a:lnTo>
                  <a:lnTo>
                    <a:pt x="1039062" y="73710"/>
                  </a:lnTo>
                  <a:lnTo>
                    <a:pt x="1099006" y="66118"/>
                  </a:lnTo>
                  <a:lnTo>
                    <a:pt x="1160164" y="58896"/>
                  </a:lnTo>
                  <a:lnTo>
                    <a:pt x="1222498" y="52052"/>
                  </a:lnTo>
                  <a:lnTo>
                    <a:pt x="1285971" y="45594"/>
                  </a:lnTo>
                  <a:lnTo>
                    <a:pt x="1350545" y="39529"/>
                  </a:lnTo>
                  <a:lnTo>
                    <a:pt x="1416181" y="33866"/>
                  </a:lnTo>
                  <a:lnTo>
                    <a:pt x="1482844" y="28612"/>
                  </a:lnTo>
                  <a:lnTo>
                    <a:pt x="1550494" y="23774"/>
                  </a:lnTo>
                  <a:lnTo>
                    <a:pt x="1619094" y="19360"/>
                  </a:lnTo>
                  <a:lnTo>
                    <a:pt x="1688607" y="15379"/>
                  </a:lnTo>
                  <a:lnTo>
                    <a:pt x="1758995" y="11837"/>
                  </a:lnTo>
                  <a:lnTo>
                    <a:pt x="1830220" y="8743"/>
                  </a:lnTo>
                  <a:lnTo>
                    <a:pt x="1902245" y="6103"/>
                  </a:lnTo>
                  <a:lnTo>
                    <a:pt x="1975032" y="3926"/>
                  </a:lnTo>
                  <a:lnTo>
                    <a:pt x="2048543" y="2220"/>
                  </a:lnTo>
                  <a:lnTo>
                    <a:pt x="2122741" y="991"/>
                  </a:lnTo>
                  <a:lnTo>
                    <a:pt x="2197587" y="249"/>
                  </a:lnTo>
                  <a:lnTo>
                    <a:pt x="2273046" y="0"/>
                  </a:lnTo>
                  <a:lnTo>
                    <a:pt x="2348503" y="249"/>
                  </a:lnTo>
                  <a:lnTo>
                    <a:pt x="2423349" y="991"/>
                  </a:lnTo>
                  <a:lnTo>
                    <a:pt x="2497546" y="2220"/>
                  </a:lnTo>
                  <a:lnTo>
                    <a:pt x="2571056" y="3926"/>
                  </a:lnTo>
                  <a:lnTo>
                    <a:pt x="2643843" y="6103"/>
                  </a:lnTo>
                  <a:lnTo>
                    <a:pt x="2715867" y="8743"/>
                  </a:lnTo>
                  <a:lnTo>
                    <a:pt x="2787092" y="11837"/>
                  </a:lnTo>
                  <a:lnTo>
                    <a:pt x="2857479" y="15379"/>
                  </a:lnTo>
                  <a:lnTo>
                    <a:pt x="2926992" y="19360"/>
                  </a:lnTo>
                  <a:lnTo>
                    <a:pt x="2995592" y="23774"/>
                  </a:lnTo>
                  <a:lnTo>
                    <a:pt x="3063242" y="28612"/>
                  </a:lnTo>
                  <a:lnTo>
                    <a:pt x="3129904" y="33866"/>
                  </a:lnTo>
                  <a:lnTo>
                    <a:pt x="3195541" y="39529"/>
                  </a:lnTo>
                  <a:lnTo>
                    <a:pt x="3260114" y="45594"/>
                  </a:lnTo>
                  <a:lnTo>
                    <a:pt x="3323587" y="52052"/>
                  </a:lnTo>
                  <a:lnTo>
                    <a:pt x="3385921" y="58896"/>
                  </a:lnTo>
                  <a:lnTo>
                    <a:pt x="3447079" y="66118"/>
                  </a:lnTo>
                  <a:lnTo>
                    <a:pt x="3507024" y="73710"/>
                  </a:lnTo>
                  <a:lnTo>
                    <a:pt x="3565717" y="81666"/>
                  </a:lnTo>
                  <a:lnTo>
                    <a:pt x="3623121" y="89976"/>
                  </a:lnTo>
                  <a:lnTo>
                    <a:pt x="3679198" y="98635"/>
                  </a:lnTo>
                  <a:lnTo>
                    <a:pt x="3733910" y="107632"/>
                  </a:lnTo>
                  <a:lnTo>
                    <a:pt x="3787221" y="116962"/>
                  </a:lnTo>
                  <a:lnTo>
                    <a:pt x="3839092" y="126617"/>
                  </a:lnTo>
                  <a:lnTo>
                    <a:pt x="3889486" y="136588"/>
                  </a:lnTo>
                  <a:lnTo>
                    <a:pt x="3938364" y="146868"/>
                  </a:lnTo>
                  <a:lnTo>
                    <a:pt x="3985690" y="157450"/>
                  </a:lnTo>
                  <a:lnTo>
                    <a:pt x="4031426" y="168325"/>
                  </a:lnTo>
                  <a:lnTo>
                    <a:pt x="4075533" y="179487"/>
                  </a:lnTo>
                  <a:lnTo>
                    <a:pt x="4117976" y="190926"/>
                  </a:lnTo>
                  <a:lnTo>
                    <a:pt x="4158714" y="202637"/>
                  </a:lnTo>
                  <a:lnTo>
                    <a:pt x="4197712" y="214610"/>
                  </a:lnTo>
                  <a:lnTo>
                    <a:pt x="4234931" y="226839"/>
                  </a:lnTo>
                  <a:lnTo>
                    <a:pt x="4303883" y="252031"/>
                  </a:lnTo>
                  <a:lnTo>
                    <a:pt x="4365269" y="278152"/>
                  </a:lnTo>
                  <a:lnTo>
                    <a:pt x="4418787" y="305142"/>
                  </a:lnTo>
                  <a:lnTo>
                    <a:pt x="4464137" y="332937"/>
                  </a:lnTo>
                  <a:lnTo>
                    <a:pt x="4501017" y="361477"/>
                  </a:lnTo>
                  <a:lnTo>
                    <a:pt x="4529125" y="390700"/>
                  </a:lnTo>
                  <a:lnTo>
                    <a:pt x="4554183" y="435681"/>
                  </a:lnTo>
                  <a:lnTo>
                    <a:pt x="4559046" y="466344"/>
                  </a:lnTo>
                  <a:lnTo>
                    <a:pt x="4557824" y="481737"/>
                  </a:lnTo>
                  <a:lnTo>
                    <a:pt x="4539796" y="527139"/>
                  </a:lnTo>
                  <a:lnTo>
                    <a:pt x="4501017" y="571210"/>
                  </a:lnTo>
                  <a:lnTo>
                    <a:pt x="4464137" y="599750"/>
                  </a:lnTo>
                  <a:lnTo>
                    <a:pt x="4418787" y="627545"/>
                  </a:lnTo>
                  <a:lnTo>
                    <a:pt x="4365269" y="654535"/>
                  </a:lnTo>
                  <a:lnTo>
                    <a:pt x="4303883" y="680656"/>
                  </a:lnTo>
                  <a:lnTo>
                    <a:pt x="4234931" y="705848"/>
                  </a:lnTo>
                  <a:lnTo>
                    <a:pt x="4197712" y="718077"/>
                  </a:lnTo>
                  <a:lnTo>
                    <a:pt x="4158714" y="730050"/>
                  </a:lnTo>
                  <a:lnTo>
                    <a:pt x="4117976" y="741761"/>
                  </a:lnTo>
                  <a:lnTo>
                    <a:pt x="4075533" y="753200"/>
                  </a:lnTo>
                  <a:lnTo>
                    <a:pt x="4031426" y="764362"/>
                  </a:lnTo>
                  <a:lnTo>
                    <a:pt x="3985690" y="775237"/>
                  </a:lnTo>
                  <a:lnTo>
                    <a:pt x="3938364" y="785819"/>
                  </a:lnTo>
                  <a:lnTo>
                    <a:pt x="3889486" y="796099"/>
                  </a:lnTo>
                  <a:lnTo>
                    <a:pt x="3839092" y="806070"/>
                  </a:lnTo>
                  <a:lnTo>
                    <a:pt x="3787221" y="815725"/>
                  </a:lnTo>
                  <a:lnTo>
                    <a:pt x="3733910" y="825055"/>
                  </a:lnTo>
                  <a:lnTo>
                    <a:pt x="3679198" y="834052"/>
                  </a:lnTo>
                  <a:lnTo>
                    <a:pt x="3623121" y="842711"/>
                  </a:lnTo>
                  <a:lnTo>
                    <a:pt x="3565717" y="851021"/>
                  </a:lnTo>
                  <a:lnTo>
                    <a:pt x="3507024" y="858977"/>
                  </a:lnTo>
                  <a:lnTo>
                    <a:pt x="3447079" y="866569"/>
                  </a:lnTo>
                  <a:lnTo>
                    <a:pt x="3385921" y="873791"/>
                  </a:lnTo>
                  <a:lnTo>
                    <a:pt x="3323587" y="880635"/>
                  </a:lnTo>
                  <a:lnTo>
                    <a:pt x="3260114" y="887093"/>
                  </a:lnTo>
                  <a:lnTo>
                    <a:pt x="3195541" y="893158"/>
                  </a:lnTo>
                  <a:lnTo>
                    <a:pt x="3129904" y="898821"/>
                  </a:lnTo>
                  <a:lnTo>
                    <a:pt x="3063242" y="904075"/>
                  </a:lnTo>
                  <a:lnTo>
                    <a:pt x="2995592" y="908913"/>
                  </a:lnTo>
                  <a:lnTo>
                    <a:pt x="2926992" y="913327"/>
                  </a:lnTo>
                  <a:lnTo>
                    <a:pt x="2857479" y="917308"/>
                  </a:lnTo>
                  <a:lnTo>
                    <a:pt x="2787092" y="920850"/>
                  </a:lnTo>
                  <a:lnTo>
                    <a:pt x="2715867" y="923944"/>
                  </a:lnTo>
                  <a:lnTo>
                    <a:pt x="2643843" y="926584"/>
                  </a:lnTo>
                  <a:lnTo>
                    <a:pt x="2571056" y="928761"/>
                  </a:lnTo>
                  <a:lnTo>
                    <a:pt x="2497546" y="930467"/>
                  </a:lnTo>
                  <a:lnTo>
                    <a:pt x="2423349" y="931696"/>
                  </a:lnTo>
                  <a:lnTo>
                    <a:pt x="2348503" y="932438"/>
                  </a:lnTo>
                  <a:lnTo>
                    <a:pt x="2273046" y="932688"/>
                  </a:lnTo>
                  <a:lnTo>
                    <a:pt x="2197587" y="932438"/>
                  </a:lnTo>
                  <a:lnTo>
                    <a:pt x="2122741" y="931696"/>
                  </a:lnTo>
                  <a:lnTo>
                    <a:pt x="2048543" y="930467"/>
                  </a:lnTo>
                  <a:lnTo>
                    <a:pt x="1975032" y="928761"/>
                  </a:lnTo>
                  <a:lnTo>
                    <a:pt x="1902245" y="926584"/>
                  </a:lnTo>
                  <a:lnTo>
                    <a:pt x="1830220" y="923944"/>
                  </a:lnTo>
                  <a:lnTo>
                    <a:pt x="1758995" y="920850"/>
                  </a:lnTo>
                  <a:lnTo>
                    <a:pt x="1688607" y="917308"/>
                  </a:lnTo>
                  <a:lnTo>
                    <a:pt x="1619094" y="913327"/>
                  </a:lnTo>
                  <a:lnTo>
                    <a:pt x="1550494" y="908913"/>
                  </a:lnTo>
                  <a:lnTo>
                    <a:pt x="1482844" y="904075"/>
                  </a:lnTo>
                  <a:lnTo>
                    <a:pt x="1416181" y="898821"/>
                  </a:lnTo>
                  <a:lnTo>
                    <a:pt x="1350545" y="893158"/>
                  </a:lnTo>
                  <a:lnTo>
                    <a:pt x="1285971" y="887093"/>
                  </a:lnTo>
                  <a:lnTo>
                    <a:pt x="1222498" y="880635"/>
                  </a:lnTo>
                  <a:lnTo>
                    <a:pt x="1160164" y="873791"/>
                  </a:lnTo>
                  <a:lnTo>
                    <a:pt x="1099006" y="866569"/>
                  </a:lnTo>
                  <a:lnTo>
                    <a:pt x="1039062" y="858977"/>
                  </a:lnTo>
                  <a:lnTo>
                    <a:pt x="980369" y="851021"/>
                  </a:lnTo>
                  <a:lnTo>
                    <a:pt x="922965" y="842711"/>
                  </a:lnTo>
                  <a:lnTo>
                    <a:pt x="866888" y="834052"/>
                  </a:lnTo>
                  <a:lnTo>
                    <a:pt x="812175" y="825055"/>
                  </a:lnTo>
                  <a:lnTo>
                    <a:pt x="758865" y="815725"/>
                  </a:lnTo>
                  <a:lnTo>
                    <a:pt x="706994" y="806070"/>
                  </a:lnTo>
                  <a:lnTo>
                    <a:pt x="656601" y="796099"/>
                  </a:lnTo>
                  <a:lnTo>
                    <a:pt x="607722" y="785819"/>
                  </a:lnTo>
                  <a:lnTo>
                    <a:pt x="560396" y="775237"/>
                  </a:lnTo>
                  <a:lnTo>
                    <a:pt x="514661" y="764362"/>
                  </a:lnTo>
                  <a:lnTo>
                    <a:pt x="470554" y="753200"/>
                  </a:lnTo>
                  <a:lnTo>
                    <a:pt x="428112" y="741761"/>
                  </a:lnTo>
                  <a:lnTo>
                    <a:pt x="387373" y="730050"/>
                  </a:lnTo>
                  <a:lnTo>
                    <a:pt x="348376" y="718077"/>
                  </a:lnTo>
                  <a:lnTo>
                    <a:pt x="311157" y="705848"/>
                  </a:lnTo>
                  <a:lnTo>
                    <a:pt x="242205" y="680656"/>
                  </a:lnTo>
                  <a:lnTo>
                    <a:pt x="180820" y="654535"/>
                  </a:lnTo>
                  <a:lnTo>
                    <a:pt x="127302" y="627545"/>
                  </a:lnTo>
                  <a:lnTo>
                    <a:pt x="81953" y="599750"/>
                  </a:lnTo>
                  <a:lnTo>
                    <a:pt x="45074" y="571210"/>
                  </a:lnTo>
                  <a:lnTo>
                    <a:pt x="16965" y="541987"/>
                  </a:lnTo>
                  <a:lnTo>
                    <a:pt x="0" y="515853"/>
                  </a:lnTo>
                </a:path>
              </a:pathLst>
            </a:custGeom>
            <a:ln w="38100">
              <a:solidFill>
                <a:srgbClr val="FF0000"/>
              </a:solidFill>
              <a:prstDash val="sysDash"/>
            </a:ln>
          </p:spPr>
          <p:txBody>
            <a:bodyPr wrap="square" lIns="0" tIns="0" rIns="0" bIns="0" rtlCol="0"/>
            <a:lstStyle/>
            <a:p>
              <a:endParaRPr/>
            </a:p>
          </p:txBody>
        </p:sp>
      </p:grpSp>
      <p:sp>
        <p:nvSpPr>
          <p:cNvPr id="34" name="object 34"/>
          <p:cNvSpPr txBox="1"/>
          <p:nvPr/>
        </p:nvSpPr>
        <p:spPr>
          <a:xfrm>
            <a:off x="6383529" y="4888738"/>
            <a:ext cx="3912235" cy="581660"/>
          </a:xfrm>
          <a:prstGeom prst="rect">
            <a:avLst/>
          </a:prstGeom>
        </p:spPr>
        <p:txBody>
          <a:bodyPr vert="horz" wrap="square" lIns="0" tIns="5080" rIns="0" bIns="0" rtlCol="0">
            <a:spAutoFit/>
          </a:bodyPr>
          <a:lstStyle/>
          <a:p>
            <a:pPr marL="12700" marR="5080">
              <a:lnSpc>
                <a:spcPct val="102800"/>
              </a:lnSpc>
              <a:spcBef>
                <a:spcPts val="40"/>
              </a:spcBef>
            </a:pPr>
            <a:r>
              <a:rPr spc="-5" dirty="0">
                <a:latin typeface="メイリオ"/>
                <a:cs typeface="メイリオ"/>
              </a:rPr>
              <a:t>限られた性能のエッジ端末でデータの</a:t>
            </a:r>
            <a:r>
              <a:rPr spc="50" dirty="0">
                <a:latin typeface="メイリオ"/>
                <a:cs typeface="メイリオ"/>
              </a:rPr>
              <a:t>処理・処理を行わねばならない</a:t>
            </a:r>
            <a:r>
              <a:rPr spc="-25" dirty="0">
                <a:latin typeface="Century Gothic"/>
                <a:cs typeface="Century Gothic"/>
              </a:rPr>
              <a:t>……</a:t>
            </a:r>
            <a:endParaRPr>
              <a:latin typeface="Century Gothic"/>
              <a:cs typeface="Century Gothic"/>
            </a:endParaRPr>
          </a:p>
        </p:txBody>
      </p:sp>
      <p:sp>
        <p:nvSpPr>
          <p:cNvPr id="38" name="正方形/長方形 37">
            <a:extLst>
              <a:ext uri="{FF2B5EF4-FFF2-40B4-BE49-F238E27FC236}">
                <a16:creationId xmlns:a16="http://schemas.microsoft.com/office/drawing/2014/main" id="{032A3643-E79C-D250-B019-D288132EB82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リザーバー計算機の概要</a:t>
            </a:r>
          </a:p>
        </p:txBody>
      </p:sp>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object 3"/>
          <p:cNvPicPr/>
          <p:nvPr/>
        </p:nvPicPr>
        <p:blipFill>
          <a:blip r:embed="rId2" cstate="print"/>
          <a:stretch>
            <a:fillRect/>
          </a:stretch>
        </p:blipFill>
        <p:spPr>
          <a:xfrm>
            <a:off x="2572511" y="1319639"/>
            <a:ext cx="6336792" cy="2367446"/>
          </a:xfrm>
          <a:prstGeom prst="rect">
            <a:avLst/>
          </a:prstGeom>
        </p:spPr>
      </p:pic>
      <p:sp>
        <p:nvSpPr>
          <p:cNvPr id="4" name="object 4"/>
          <p:cNvSpPr txBox="1"/>
          <p:nvPr/>
        </p:nvSpPr>
        <p:spPr>
          <a:xfrm>
            <a:off x="4052061" y="647365"/>
            <a:ext cx="1297940" cy="330835"/>
          </a:xfrm>
          <a:prstGeom prst="rect">
            <a:avLst/>
          </a:prstGeom>
        </p:spPr>
        <p:txBody>
          <a:bodyPr vert="horz" wrap="square" lIns="0" tIns="13335" rIns="0" bIns="0" rtlCol="0">
            <a:spAutoFit/>
          </a:bodyPr>
          <a:lstStyle/>
          <a:p>
            <a:pPr marL="12700">
              <a:spcBef>
                <a:spcPts val="105"/>
              </a:spcBef>
            </a:pPr>
            <a:r>
              <a:rPr sz="2000" b="1" spc="-10" dirty="0">
                <a:latin typeface="メイリオ"/>
                <a:cs typeface="メイリオ"/>
              </a:rPr>
              <a:t>リザバー層</a:t>
            </a:r>
            <a:endParaRPr sz="2000" dirty="0">
              <a:latin typeface="メイリオ"/>
              <a:cs typeface="メイリオ"/>
            </a:endParaRPr>
          </a:p>
        </p:txBody>
      </p:sp>
      <p:sp>
        <p:nvSpPr>
          <p:cNvPr id="5" name="object 5"/>
          <p:cNvSpPr txBox="1"/>
          <p:nvPr/>
        </p:nvSpPr>
        <p:spPr>
          <a:xfrm>
            <a:off x="4026588" y="928270"/>
            <a:ext cx="1297940" cy="330835"/>
          </a:xfrm>
          <a:prstGeom prst="rect">
            <a:avLst/>
          </a:prstGeom>
        </p:spPr>
        <p:txBody>
          <a:bodyPr vert="horz" wrap="square" lIns="0" tIns="13335" rIns="0" bIns="0" rtlCol="0">
            <a:spAutoFit/>
          </a:bodyPr>
          <a:lstStyle/>
          <a:p>
            <a:pPr marL="12700">
              <a:spcBef>
                <a:spcPts val="105"/>
              </a:spcBef>
            </a:pPr>
            <a:r>
              <a:rPr sz="2000" b="1" dirty="0">
                <a:latin typeface="メイリオ"/>
                <a:cs typeface="メイリオ"/>
              </a:rPr>
              <a:t>（ため池</a:t>
            </a:r>
            <a:r>
              <a:rPr sz="2000" b="1" spc="-50" dirty="0">
                <a:latin typeface="メイリオ"/>
                <a:cs typeface="メイリオ"/>
              </a:rPr>
              <a:t>）</a:t>
            </a:r>
            <a:endParaRPr sz="2000" dirty="0">
              <a:latin typeface="メイリオ"/>
              <a:cs typeface="メイリオ"/>
            </a:endParaRPr>
          </a:p>
        </p:txBody>
      </p:sp>
      <p:sp>
        <p:nvSpPr>
          <p:cNvPr id="6" name="object 6"/>
          <p:cNvSpPr txBox="1"/>
          <p:nvPr/>
        </p:nvSpPr>
        <p:spPr>
          <a:xfrm>
            <a:off x="2722270" y="2447671"/>
            <a:ext cx="177800" cy="396240"/>
          </a:xfrm>
          <a:prstGeom prst="rect">
            <a:avLst/>
          </a:prstGeom>
        </p:spPr>
        <p:txBody>
          <a:bodyPr vert="horz" wrap="square" lIns="0" tIns="12700" rIns="0" bIns="0" rtlCol="0">
            <a:spAutoFit/>
          </a:bodyPr>
          <a:lstStyle/>
          <a:p>
            <a:pPr marL="12700">
              <a:spcBef>
                <a:spcPts val="100"/>
              </a:spcBef>
            </a:pPr>
            <a:r>
              <a:rPr sz="1200" b="1" spc="330" dirty="0">
                <a:latin typeface="メイリオ"/>
                <a:cs typeface="メイリオ"/>
              </a:rPr>
              <a:t>•</a:t>
            </a:r>
            <a:endParaRPr sz="1200">
              <a:latin typeface="メイリオ"/>
              <a:cs typeface="メイリオ"/>
            </a:endParaRPr>
          </a:p>
          <a:p>
            <a:pPr marL="12700">
              <a:spcBef>
                <a:spcPts val="35"/>
              </a:spcBef>
            </a:pPr>
            <a:r>
              <a:rPr sz="1200" b="1" spc="330" dirty="0">
                <a:latin typeface="メイリオ"/>
                <a:cs typeface="メイリオ"/>
              </a:rPr>
              <a:t>•</a:t>
            </a:r>
            <a:endParaRPr sz="1200">
              <a:latin typeface="メイリオ"/>
              <a:cs typeface="メイリオ"/>
            </a:endParaRPr>
          </a:p>
        </p:txBody>
      </p:sp>
      <p:sp>
        <p:nvSpPr>
          <p:cNvPr id="7" name="object 7"/>
          <p:cNvSpPr txBox="1"/>
          <p:nvPr/>
        </p:nvSpPr>
        <p:spPr>
          <a:xfrm>
            <a:off x="8595742" y="2543633"/>
            <a:ext cx="178435" cy="396875"/>
          </a:xfrm>
          <a:prstGeom prst="rect">
            <a:avLst/>
          </a:prstGeom>
        </p:spPr>
        <p:txBody>
          <a:bodyPr vert="horz" wrap="square" lIns="0" tIns="12700" rIns="0" bIns="0" rtlCol="0">
            <a:spAutoFit/>
          </a:bodyPr>
          <a:lstStyle/>
          <a:p>
            <a:pPr marL="12700">
              <a:spcBef>
                <a:spcPts val="100"/>
              </a:spcBef>
            </a:pPr>
            <a:r>
              <a:rPr sz="1200" b="1" spc="330" dirty="0">
                <a:latin typeface="メイリオ"/>
                <a:cs typeface="メイリオ"/>
              </a:rPr>
              <a:t>•</a:t>
            </a:r>
            <a:endParaRPr sz="1200">
              <a:latin typeface="メイリオ"/>
              <a:cs typeface="メイリオ"/>
            </a:endParaRPr>
          </a:p>
          <a:p>
            <a:pPr marL="12700">
              <a:spcBef>
                <a:spcPts val="40"/>
              </a:spcBef>
            </a:pPr>
            <a:r>
              <a:rPr sz="1200" b="1" spc="330" dirty="0">
                <a:latin typeface="メイリオ"/>
                <a:cs typeface="メイリオ"/>
              </a:rPr>
              <a:t>•</a:t>
            </a:r>
            <a:endParaRPr sz="1200">
              <a:latin typeface="メイリオ"/>
              <a:cs typeface="メイリオ"/>
            </a:endParaRPr>
          </a:p>
        </p:txBody>
      </p:sp>
      <p:grpSp>
        <p:nvGrpSpPr>
          <p:cNvPr id="8" name="object 8"/>
          <p:cNvGrpSpPr/>
          <p:nvPr/>
        </p:nvGrpSpPr>
        <p:grpSpPr>
          <a:xfrm>
            <a:off x="5673344" y="1782063"/>
            <a:ext cx="3202939" cy="2721483"/>
            <a:chOff x="4149344" y="1782063"/>
            <a:chExt cx="3202939" cy="2721483"/>
          </a:xfrm>
        </p:grpSpPr>
        <p:sp>
          <p:nvSpPr>
            <p:cNvPr id="9" name="object 9"/>
            <p:cNvSpPr/>
            <p:nvPr/>
          </p:nvSpPr>
          <p:spPr>
            <a:xfrm>
              <a:off x="6925055" y="4058412"/>
              <a:ext cx="411480" cy="445134"/>
            </a:xfrm>
            <a:custGeom>
              <a:avLst/>
              <a:gdLst/>
              <a:ahLst/>
              <a:cxnLst/>
              <a:rect l="l" t="t" r="r" b="b"/>
              <a:pathLst>
                <a:path w="411479" h="445135">
                  <a:moveTo>
                    <a:pt x="0" y="222504"/>
                  </a:moveTo>
                  <a:lnTo>
                    <a:pt x="5431" y="171469"/>
                  </a:lnTo>
                  <a:lnTo>
                    <a:pt x="20905" y="124630"/>
                  </a:lnTo>
                  <a:lnTo>
                    <a:pt x="45186" y="83317"/>
                  </a:lnTo>
                  <a:lnTo>
                    <a:pt x="77044" y="48865"/>
                  </a:lnTo>
                  <a:lnTo>
                    <a:pt x="115244" y="22606"/>
                  </a:lnTo>
                  <a:lnTo>
                    <a:pt x="158553" y="5873"/>
                  </a:lnTo>
                  <a:lnTo>
                    <a:pt x="205740" y="0"/>
                  </a:lnTo>
                  <a:lnTo>
                    <a:pt x="252926" y="5873"/>
                  </a:lnTo>
                  <a:lnTo>
                    <a:pt x="296235" y="22606"/>
                  </a:lnTo>
                  <a:lnTo>
                    <a:pt x="334435" y="48865"/>
                  </a:lnTo>
                  <a:lnTo>
                    <a:pt x="366293" y="83317"/>
                  </a:lnTo>
                  <a:lnTo>
                    <a:pt x="390574" y="124630"/>
                  </a:lnTo>
                  <a:lnTo>
                    <a:pt x="406048" y="171469"/>
                  </a:lnTo>
                  <a:lnTo>
                    <a:pt x="411479" y="222504"/>
                  </a:lnTo>
                  <a:lnTo>
                    <a:pt x="406048" y="273538"/>
                  </a:lnTo>
                  <a:lnTo>
                    <a:pt x="390574" y="320377"/>
                  </a:lnTo>
                  <a:lnTo>
                    <a:pt x="366293" y="361690"/>
                  </a:lnTo>
                  <a:lnTo>
                    <a:pt x="334435" y="396142"/>
                  </a:lnTo>
                  <a:lnTo>
                    <a:pt x="296235" y="422401"/>
                  </a:lnTo>
                  <a:lnTo>
                    <a:pt x="252926" y="439134"/>
                  </a:lnTo>
                  <a:lnTo>
                    <a:pt x="205740" y="445007"/>
                  </a:lnTo>
                  <a:lnTo>
                    <a:pt x="158553" y="439134"/>
                  </a:lnTo>
                  <a:lnTo>
                    <a:pt x="115244" y="422401"/>
                  </a:lnTo>
                  <a:lnTo>
                    <a:pt x="77044" y="396142"/>
                  </a:lnTo>
                  <a:lnTo>
                    <a:pt x="45186" y="361690"/>
                  </a:lnTo>
                  <a:lnTo>
                    <a:pt x="20905" y="320377"/>
                  </a:lnTo>
                  <a:lnTo>
                    <a:pt x="5431" y="273538"/>
                  </a:lnTo>
                  <a:lnTo>
                    <a:pt x="0" y="222504"/>
                  </a:lnTo>
                  <a:close/>
                </a:path>
              </a:pathLst>
            </a:custGeom>
            <a:ln w="12192">
              <a:solidFill>
                <a:srgbClr val="000000"/>
              </a:solidFill>
            </a:ln>
          </p:spPr>
          <p:txBody>
            <a:bodyPr wrap="square" lIns="0" tIns="0" rIns="0" bIns="0" rtlCol="0"/>
            <a:lstStyle/>
            <a:p>
              <a:endParaRPr/>
            </a:p>
          </p:txBody>
        </p:sp>
        <p:sp>
          <p:nvSpPr>
            <p:cNvPr id="10" name="object 10"/>
            <p:cNvSpPr/>
            <p:nvPr/>
          </p:nvSpPr>
          <p:spPr>
            <a:xfrm>
              <a:off x="7041388" y="4254404"/>
              <a:ext cx="197485" cy="41275"/>
            </a:xfrm>
            <a:custGeom>
              <a:avLst/>
              <a:gdLst/>
              <a:ahLst/>
              <a:cxnLst/>
              <a:rect l="l" t="t" r="r" b="b"/>
              <a:pathLst>
                <a:path w="197484" h="41275">
                  <a:moveTo>
                    <a:pt x="197116" y="0"/>
                  </a:moveTo>
                  <a:lnTo>
                    <a:pt x="0" y="0"/>
                  </a:lnTo>
                  <a:lnTo>
                    <a:pt x="0" y="40862"/>
                  </a:lnTo>
                  <a:lnTo>
                    <a:pt x="197116" y="40862"/>
                  </a:lnTo>
                  <a:lnTo>
                    <a:pt x="197116" y="0"/>
                  </a:lnTo>
                  <a:close/>
                </a:path>
              </a:pathLst>
            </a:custGeom>
            <a:solidFill>
              <a:srgbClr val="000000"/>
            </a:solidFill>
          </p:spPr>
          <p:txBody>
            <a:bodyPr wrap="square" lIns="0" tIns="0" rIns="0" bIns="0" rtlCol="0"/>
            <a:lstStyle/>
            <a:p>
              <a:endParaRPr/>
            </a:p>
          </p:txBody>
        </p:sp>
        <p:sp>
          <p:nvSpPr>
            <p:cNvPr id="11" name="object 11"/>
            <p:cNvSpPr/>
            <p:nvPr/>
          </p:nvSpPr>
          <p:spPr>
            <a:xfrm>
              <a:off x="7041388" y="4254404"/>
              <a:ext cx="197485" cy="41275"/>
            </a:xfrm>
            <a:custGeom>
              <a:avLst/>
              <a:gdLst/>
              <a:ahLst/>
              <a:cxnLst/>
              <a:rect l="l" t="t" r="r" b="b"/>
              <a:pathLst>
                <a:path w="197484" h="41275">
                  <a:moveTo>
                    <a:pt x="0" y="40862"/>
                  </a:moveTo>
                  <a:lnTo>
                    <a:pt x="197116" y="40862"/>
                  </a:lnTo>
                  <a:lnTo>
                    <a:pt x="197116" y="0"/>
                  </a:lnTo>
                  <a:lnTo>
                    <a:pt x="0" y="0"/>
                  </a:lnTo>
                  <a:lnTo>
                    <a:pt x="0" y="40862"/>
                  </a:lnTo>
                  <a:close/>
                </a:path>
              </a:pathLst>
            </a:custGeom>
            <a:ln w="12192">
              <a:solidFill>
                <a:srgbClr val="000000"/>
              </a:solidFill>
            </a:ln>
          </p:spPr>
          <p:txBody>
            <a:bodyPr wrap="square" lIns="0" tIns="0" rIns="0" bIns="0" rtlCol="0"/>
            <a:lstStyle/>
            <a:p>
              <a:endParaRPr/>
            </a:p>
          </p:txBody>
        </p:sp>
        <p:sp>
          <p:nvSpPr>
            <p:cNvPr id="12" name="object 12"/>
            <p:cNvSpPr/>
            <p:nvPr/>
          </p:nvSpPr>
          <p:spPr>
            <a:xfrm>
              <a:off x="6973823" y="3403092"/>
              <a:ext cx="378460" cy="640080"/>
            </a:xfrm>
            <a:custGeom>
              <a:avLst/>
              <a:gdLst/>
              <a:ahLst/>
              <a:cxnLst/>
              <a:rect l="l" t="t" r="r" b="b"/>
              <a:pathLst>
                <a:path w="378459" h="640079">
                  <a:moveTo>
                    <a:pt x="188975" y="0"/>
                  </a:moveTo>
                  <a:lnTo>
                    <a:pt x="0" y="188975"/>
                  </a:lnTo>
                  <a:lnTo>
                    <a:pt x="94487" y="188975"/>
                  </a:lnTo>
                  <a:lnTo>
                    <a:pt x="94487" y="451104"/>
                  </a:lnTo>
                  <a:lnTo>
                    <a:pt x="0" y="451104"/>
                  </a:lnTo>
                  <a:lnTo>
                    <a:pt x="188975" y="640080"/>
                  </a:lnTo>
                  <a:lnTo>
                    <a:pt x="377951" y="451104"/>
                  </a:lnTo>
                  <a:lnTo>
                    <a:pt x="283464" y="451104"/>
                  </a:lnTo>
                  <a:lnTo>
                    <a:pt x="283464" y="188975"/>
                  </a:lnTo>
                  <a:lnTo>
                    <a:pt x="377951" y="188975"/>
                  </a:lnTo>
                  <a:lnTo>
                    <a:pt x="188975" y="0"/>
                  </a:lnTo>
                  <a:close/>
                </a:path>
              </a:pathLst>
            </a:custGeom>
            <a:solidFill>
              <a:srgbClr val="000000"/>
            </a:solidFill>
          </p:spPr>
          <p:txBody>
            <a:bodyPr wrap="square" lIns="0" tIns="0" rIns="0" bIns="0" rtlCol="0"/>
            <a:lstStyle/>
            <a:p>
              <a:endParaRPr/>
            </a:p>
          </p:txBody>
        </p:sp>
        <p:sp>
          <p:nvSpPr>
            <p:cNvPr id="13" name="object 13"/>
            <p:cNvSpPr/>
            <p:nvPr/>
          </p:nvSpPr>
          <p:spPr>
            <a:xfrm>
              <a:off x="6973823" y="3403092"/>
              <a:ext cx="378460" cy="640080"/>
            </a:xfrm>
            <a:custGeom>
              <a:avLst/>
              <a:gdLst/>
              <a:ahLst/>
              <a:cxnLst/>
              <a:rect l="l" t="t" r="r" b="b"/>
              <a:pathLst>
                <a:path w="378459" h="640079">
                  <a:moveTo>
                    <a:pt x="188975" y="640080"/>
                  </a:moveTo>
                  <a:lnTo>
                    <a:pt x="0" y="451104"/>
                  </a:lnTo>
                  <a:lnTo>
                    <a:pt x="94487" y="451104"/>
                  </a:lnTo>
                  <a:lnTo>
                    <a:pt x="94487" y="188975"/>
                  </a:lnTo>
                  <a:lnTo>
                    <a:pt x="0" y="188975"/>
                  </a:lnTo>
                  <a:lnTo>
                    <a:pt x="188975" y="0"/>
                  </a:lnTo>
                  <a:lnTo>
                    <a:pt x="377951" y="188975"/>
                  </a:lnTo>
                  <a:lnTo>
                    <a:pt x="283464" y="188975"/>
                  </a:lnTo>
                  <a:lnTo>
                    <a:pt x="283464" y="451104"/>
                  </a:lnTo>
                  <a:lnTo>
                    <a:pt x="377951" y="451104"/>
                  </a:lnTo>
                  <a:lnTo>
                    <a:pt x="188975" y="640080"/>
                  </a:lnTo>
                  <a:close/>
                </a:path>
              </a:pathLst>
            </a:custGeom>
            <a:ln w="12192">
              <a:solidFill>
                <a:srgbClr val="000000"/>
              </a:solidFill>
            </a:ln>
          </p:spPr>
          <p:txBody>
            <a:bodyPr wrap="square" lIns="0" tIns="0" rIns="0" bIns="0" rtlCol="0"/>
            <a:lstStyle/>
            <a:p>
              <a:endParaRPr/>
            </a:p>
          </p:txBody>
        </p:sp>
        <p:sp>
          <p:nvSpPr>
            <p:cNvPr id="14" name="object 14"/>
            <p:cNvSpPr/>
            <p:nvPr/>
          </p:nvSpPr>
          <p:spPr>
            <a:xfrm>
              <a:off x="4338828" y="1782063"/>
              <a:ext cx="2589530" cy="799465"/>
            </a:xfrm>
            <a:custGeom>
              <a:avLst/>
              <a:gdLst/>
              <a:ahLst/>
              <a:cxnLst/>
              <a:rect l="l" t="t" r="r" b="b"/>
              <a:pathLst>
                <a:path w="2589529" h="799464">
                  <a:moveTo>
                    <a:pt x="35560" y="7620"/>
                  </a:moveTo>
                  <a:lnTo>
                    <a:pt x="7620" y="0"/>
                  </a:lnTo>
                  <a:lnTo>
                    <a:pt x="0" y="27940"/>
                  </a:lnTo>
                  <a:lnTo>
                    <a:pt x="27940" y="35560"/>
                  </a:lnTo>
                  <a:lnTo>
                    <a:pt x="35560" y="7620"/>
                  </a:lnTo>
                  <a:close/>
                </a:path>
                <a:path w="2589529" h="799464">
                  <a:moveTo>
                    <a:pt x="86487" y="798322"/>
                  </a:moveTo>
                  <a:lnTo>
                    <a:pt x="85737" y="770128"/>
                  </a:lnTo>
                  <a:lnTo>
                    <a:pt x="85725" y="769366"/>
                  </a:lnTo>
                  <a:lnTo>
                    <a:pt x="56769" y="770128"/>
                  </a:lnTo>
                  <a:lnTo>
                    <a:pt x="57505" y="798322"/>
                  </a:lnTo>
                  <a:lnTo>
                    <a:pt x="57531" y="799084"/>
                  </a:lnTo>
                  <a:lnTo>
                    <a:pt x="86487" y="798322"/>
                  </a:lnTo>
                  <a:close/>
                </a:path>
                <a:path w="2589529" h="799464">
                  <a:moveTo>
                    <a:pt x="91440" y="22860"/>
                  </a:moveTo>
                  <a:lnTo>
                    <a:pt x="63500" y="15240"/>
                  </a:lnTo>
                  <a:lnTo>
                    <a:pt x="55880" y="43180"/>
                  </a:lnTo>
                  <a:lnTo>
                    <a:pt x="83820" y="50800"/>
                  </a:lnTo>
                  <a:lnTo>
                    <a:pt x="91440" y="22860"/>
                  </a:lnTo>
                  <a:close/>
                </a:path>
                <a:path w="2589529" h="799464">
                  <a:moveTo>
                    <a:pt x="144399" y="796798"/>
                  </a:moveTo>
                  <a:lnTo>
                    <a:pt x="143649" y="768604"/>
                  </a:lnTo>
                  <a:lnTo>
                    <a:pt x="143637" y="767969"/>
                  </a:lnTo>
                  <a:lnTo>
                    <a:pt x="114681" y="768604"/>
                  </a:lnTo>
                  <a:lnTo>
                    <a:pt x="115417" y="796798"/>
                  </a:lnTo>
                  <a:lnTo>
                    <a:pt x="115443" y="797560"/>
                  </a:lnTo>
                  <a:lnTo>
                    <a:pt x="144399" y="796798"/>
                  </a:lnTo>
                  <a:close/>
                </a:path>
                <a:path w="2589529" h="799464">
                  <a:moveTo>
                    <a:pt x="147320" y="38100"/>
                  </a:moveTo>
                  <a:lnTo>
                    <a:pt x="119380" y="30480"/>
                  </a:lnTo>
                  <a:lnTo>
                    <a:pt x="111760" y="58420"/>
                  </a:lnTo>
                  <a:lnTo>
                    <a:pt x="139700" y="66040"/>
                  </a:lnTo>
                  <a:lnTo>
                    <a:pt x="147320" y="38100"/>
                  </a:lnTo>
                  <a:close/>
                </a:path>
                <a:path w="2589529" h="799464">
                  <a:moveTo>
                    <a:pt x="202311" y="795401"/>
                  </a:moveTo>
                  <a:lnTo>
                    <a:pt x="201561" y="767207"/>
                  </a:lnTo>
                  <a:lnTo>
                    <a:pt x="201549" y="766445"/>
                  </a:lnTo>
                  <a:lnTo>
                    <a:pt x="172593" y="767207"/>
                  </a:lnTo>
                  <a:lnTo>
                    <a:pt x="173329" y="795401"/>
                  </a:lnTo>
                  <a:lnTo>
                    <a:pt x="173355" y="796163"/>
                  </a:lnTo>
                  <a:lnTo>
                    <a:pt x="202311" y="795401"/>
                  </a:lnTo>
                  <a:close/>
                </a:path>
                <a:path w="2589529" h="799464">
                  <a:moveTo>
                    <a:pt x="203200" y="53340"/>
                  </a:moveTo>
                  <a:lnTo>
                    <a:pt x="175260" y="45720"/>
                  </a:lnTo>
                  <a:lnTo>
                    <a:pt x="167640" y="73660"/>
                  </a:lnTo>
                  <a:lnTo>
                    <a:pt x="195580" y="81280"/>
                  </a:lnTo>
                  <a:lnTo>
                    <a:pt x="203200" y="53340"/>
                  </a:lnTo>
                  <a:close/>
                </a:path>
                <a:path w="2589529" h="799464">
                  <a:moveTo>
                    <a:pt x="259080" y="68580"/>
                  </a:moveTo>
                  <a:lnTo>
                    <a:pt x="231140" y="60960"/>
                  </a:lnTo>
                  <a:lnTo>
                    <a:pt x="223520" y="88900"/>
                  </a:lnTo>
                  <a:lnTo>
                    <a:pt x="251460" y="96520"/>
                  </a:lnTo>
                  <a:lnTo>
                    <a:pt x="259080" y="68580"/>
                  </a:lnTo>
                  <a:close/>
                </a:path>
                <a:path w="2589529" h="799464">
                  <a:moveTo>
                    <a:pt x="260096" y="793877"/>
                  </a:moveTo>
                  <a:lnTo>
                    <a:pt x="259473" y="765683"/>
                  </a:lnTo>
                  <a:lnTo>
                    <a:pt x="259461" y="764921"/>
                  </a:lnTo>
                  <a:lnTo>
                    <a:pt x="230505" y="765683"/>
                  </a:lnTo>
                  <a:lnTo>
                    <a:pt x="231114" y="793877"/>
                  </a:lnTo>
                  <a:lnTo>
                    <a:pt x="231140" y="794639"/>
                  </a:lnTo>
                  <a:lnTo>
                    <a:pt x="260096" y="793877"/>
                  </a:lnTo>
                  <a:close/>
                </a:path>
                <a:path w="2589529" h="799464">
                  <a:moveTo>
                    <a:pt x="314960" y="83820"/>
                  </a:moveTo>
                  <a:lnTo>
                    <a:pt x="287020" y="76200"/>
                  </a:lnTo>
                  <a:lnTo>
                    <a:pt x="279400" y="104140"/>
                  </a:lnTo>
                  <a:lnTo>
                    <a:pt x="307340" y="111760"/>
                  </a:lnTo>
                  <a:lnTo>
                    <a:pt x="314960" y="83820"/>
                  </a:lnTo>
                  <a:close/>
                </a:path>
                <a:path w="2589529" h="799464">
                  <a:moveTo>
                    <a:pt x="318008" y="792353"/>
                  </a:moveTo>
                  <a:lnTo>
                    <a:pt x="317258" y="764159"/>
                  </a:lnTo>
                  <a:lnTo>
                    <a:pt x="317246" y="763397"/>
                  </a:lnTo>
                  <a:lnTo>
                    <a:pt x="288290" y="764159"/>
                  </a:lnTo>
                  <a:lnTo>
                    <a:pt x="289026" y="792353"/>
                  </a:lnTo>
                  <a:lnTo>
                    <a:pt x="289052" y="793115"/>
                  </a:lnTo>
                  <a:lnTo>
                    <a:pt x="318008" y="792353"/>
                  </a:lnTo>
                  <a:close/>
                </a:path>
                <a:path w="2589529" h="799464">
                  <a:moveTo>
                    <a:pt x="370713" y="99060"/>
                  </a:moveTo>
                  <a:lnTo>
                    <a:pt x="342900" y="91440"/>
                  </a:lnTo>
                  <a:lnTo>
                    <a:pt x="335280" y="119380"/>
                  </a:lnTo>
                  <a:lnTo>
                    <a:pt x="363093" y="127000"/>
                  </a:lnTo>
                  <a:lnTo>
                    <a:pt x="370713" y="99060"/>
                  </a:lnTo>
                  <a:close/>
                </a:path>
                <a:path w="2589529" h="799464">
                  <a:moveTo>
                    <a:pt x="375920" y="790956"/>
                  </a:moveTo>
                  <a:lnTo>
                    <a:pt x="375170" y="762762"/>
                  </a:lnTo>
                  <a:lnTo>
                    <a:pt x="375158" y="762000"/>
                  </a:lnTo>
                  <a:lnTo>
                    <a:pt x="346202" y="762762"/>
                  </a:lnTo>
                  <a:lnTo>
                    <a:pt x="346938" y="790956"/>
                  </a:lnTo>
                  <a:lnTo>
                    <a:pt x="346964" y="791591"/>
                  </a:lnTo>
                  <a:lnTo>
                    <a:pt x="375920" y="790956"/>
                  </a:lnTo>
                  <a:close/>
                </a:path>
                <a:path w="2589529" h="799464">
                  <a:moveTo>
                    <a:pt x="426593" y="114300"/>
                  </a:moveTo>
                  <a:lnTo>
                    <a:pt x="398653" y="106680"/>
                  </a:lnTo>
                  <a:lnTo>
                    <a:pt x="391033" y="134620"/>
                  </a:lnTo>
                  <a:lnTo>
                    <a:pt x="418973" y="142240"/>
                  </a:lnTo>
                  <a:lnTo>
                    <a:pt x="426593" y="114300"/>
                  </a:lnTo>
                  <a:close/>
                </a:path>
                <a:path w="2589529" h="799464">
                  <a:moveTo>
                    <a:pt x="433832" y="789432"/>
                  </a:moveTo>
                  <a:lnTo>
                    <a:pt x="433082" y="761238"/>
                  </a:lnTo>
                  <a:lnTo>
                    <a:pt x="433070" y="760476"/>
                  </a:lnTo>
                  <a:lnTo>
                    <a:pt x="404114" y="761238"/>
                  </a:lnTo>
                  <a:lnTo>
                    <a:pt x="404850" y="789432"/>
                  </a:lnTo>
                  <a:lnTo>
                    <a:pt x="404876" y="790194"/>
                  </a:lnTo>
                  <a:lnTo>
                    <a:pt x="433832" y="789432"/>
                  </a:lnTo>
                  <a:close/>
                </a:path>
                <a:path w="2589529" h="799464">
                  <a:moveTo>
                    <a:pt x="482473" y="129540"/>
                  </a:moveTo>
                  <a:lnTo>
                    <a:pt x="454533" y="121920"/>
                  </a:lnTo>
                  <a:lnTo>
                    <a:pt x="446913" y="149860"/>
                  </a:lnTo>
                  <a:lnTo>
                    <a:pt x="474853" y="157480"/>
                  </a:lnTo>
                  <a:lnTo>
                    <a:pt x="482473" y="129540"/>
                  </a:lnTo>
                  <a:close/>
                </a:path>
                <a:path w="2589529" h="799464">
                  <a:moveTo>
                    <a:pt x="491744" y="787908"/>
                  </a:moveTo>
                  <a:lnTo>
                    <a:pt x="490994" y="759714"/>
                  </a:lnTo>
                  <a:lnTo>
                    <a:pt x="490982" y="758952"/>
                  </a:lnTo>
                  <a:lnTo>
                    <a:pt x="462026" y="759714"/>
                  </a:lnTo>
                  <a:lnTo>
                    <a:pt x="462762" y="787908"/>
                  </a:lnTo>
                  <a:lnTo>
                    <a:pt x="462788" y="788670"/>
                  </a:lnTo>
                  <a:lnTo>
                    <a:pt x="491744" y="787908"/>
                  </a:lnTo>
                  <a:close/>
                </a:path>
                <a:path w="2589529" h="799464">
                  <a:moveTo>
                    <a:pt x="538353" y="144780"/>
                  </a:moveTo>
                  <a:lnTo>
                    <a:pt x="510413" y="137160"/>
                  </a:lnTo>
                  <a:lnTo>
                    <a:pt x="502793" y="165100"/>
                  </a:lnTo>
                  <a:lnTo>
                    <a:pt x="530733" y="172720"/>
                  </a:lnTo>
                  <a:lnTo>
                    <a:pt x="538353" y="144780"/>
                  </a:lnTo>
                  <a:close/>
                </a:path>
                <a:path w="2589529" h="799464">
                  <a:moveTo>
                    <a:pt x="549656" y="786384"/>
                  </a:moveTo>
                  <a:lnTo>
                    <a:pt x="548906" y="758190"/>
                  </a:lnTo>
                  <a:lnTo>
                    <a:pt x="548894" y="757555"/>
                  </a:lnTo>
                  <a:lnTo>
                    <a:pt x="519938" y="758190"/>
                  </a:lnTo>
                  <a:lnTo>
                    <a:pt x="520674" y="786384"/>
                  </a:lnTo>
                  <a:lnTo>
                    <a:pt x="520700" y="787146"/>
                  </a:lnTo>
                  <a:lnTo>
                    <a:pt x="549656" y="786384"/>
                  </a:lnTo>
                  <a:close/>
                </a:path>
                <a:path w="2589529" h="799464">
                  <a:moveTo>
                    <a:pt x="594233" y="160020"/>
                  </a:moveTo>
                  <a:lnTo>
                    <a:pt x="566293" y="152400"/>
                  </a:lnTo>
                  <a:lnTo>
                    <a:pt x="558673" y="180340"/>
                  </a:lnTo>
                  <a:lnTo>
                    <a:pt x="586613" y="187960"/>
                  </a:lnTo>
                  <a:lnTo>
                    <a:pt x="594233" y="160020"/>
                  </a:lnTo>
                  <a:close/>
                </a:path>
                <a:path w="2589529" h="799464">
                  <a:moveTo>
                    <a:pt x="607441" y="784987"/>
                  </a:moveTo>
                  <a:lnTo>
                    <a:pt x="606818" y="756793"/>
                  </a:lnTo>
                  <a:lnTo>
                    <a:pt x="606806" y="756031"/>
                  </a:lnTo>
                  <a:lnTo>
                    <a:pt x="577850" y="756793"/>
                  </a:lnTo>
                  <a:lnTo>
                    <a:pt x="578586" y="784987"/>
                  </a:lnTo>
                  <a:lnTo>
                    <a:pt x="578612" y="785749"/>
                  </a:lnTo>
                  <a:lnTo>
                    <a:pt x="607441" y="784987"/>
                  </a:lnTo>
                  <a:close/>
                </a:path>
                <a:path w="2589529" h="799464">
                  <a:moveTo>
                    <a:pt x="650113" y="175260"/>
                  </a:moveTo>
                  <a:lnTo>
                    <a:pt x="622173" y="167640"/>
                  </a:lnTo>
                  <a:lnTo>
                    <a:pt x="614553" y="195580"/>
                  </a:lnTo>
                  <a:lnTo>
                    <a:pt x="642493" y="203200"/>
                  </a:lnTo>
                  <a:lnTo>
                    <a:pt x="650113" y="175260"/>
                  </a:lnTo>
                  <a:close/>
                </a:path>
                <a:path w="2589529" h="799464">
                  <a:moveTo>
                    <a:pt x="665353" y="783463"/>
                  </a:moveTo>
                  <a:lnTo>
                    <a:pt x="664603" y="755269"/>
                  </a:lnTo>
                  <a:lnTo>
                    <a:pt x="664591" y="754507"/>
                  </a:lnTo>
                  <a:lnTo>
                    <a:pt x="635762" y="755269"/>
                  </a:lnTo>
                  <a:lnTo>
                    <a:pt x="636371" y="783463"/>
                  </a:lnTo>
                  <a:lnTo>
                    <a:pt x="636397" y="784225"/>
                  </a:lnTo>
                  <a:lnTo>
                    <a:pt x="665353" y="783463"/>
                  </a:lnTo>
                  <a:close/>
                </a:path>
                <a:path w="2589529" h="799464">
                  <a:moveTo>
                    <a:pt x="705993" y="190500"/>
                  </a:moveTo>
                  <a:lnTo>
                    <a:pt x="678053" y="182880"/>
                  </a:lnTo>
                  <a:lnTo>
                    <a:pt x="670433" y="210820"/>
                  </a:lnTo>
                  <a:lnTo>
                    <a:pt x="698373" y="218440"/>
                  </a:lnTo>
                  <a:lnTo>
                    <a:pt x="705993" y="190500"/>
                  </a:lnTo>
                  <a:close/>
                </a:path>
                <a:path w="2589529" h="799464">
                  <a:moveTo>
                    <a:pt x="723265" y="781939"/>
                  </a:moveTo>
                  <a:lnTo>
                    <a:pt x="722515" y="753745"/>
                  </a:lnTo>
                  <a:lnTo>
                    <a:pt x="722503" y="752983"/>
                  </a:lnTo>
                  <a:lnTo>
                    <a:pt x="693547" y="753745"/>
                  </a:lnTo>
                  <a:lnTo>
                    <a:pt x="694283" y="781939"/>
                  </a:lnTo>
                  <a:lnTo>
                    <a:pt x="694309" y="782701"/>
                  </a:lnTo>
                  <a:lnTo>
                    <a:pt x="723265" y="781939"/>
                  </a:lnTo>
                  <a:close/>
                </a:path>
                <a:path w="2589529" h="799464">
                  <a:moveTo>
                    <a:pt x="761873" y="205740"/>
                  </a:moveTo>
                  <a:lnTo>
                    <a:pt x="733933" y="198120"/>
                  </a:lnTo>
                  <a:lnTo>
                    <a:pt x="726313" y="226060"/>
                  </a:lnTo>
                  <a:lnTo>
                    <a:pt x="754253" y="233680"/>
                  </a:lnTo>
                  <a:lnTo>
                    <a:pt x="761873" y="205740"/>
                  </a:lnTo>
                  <a:close/>
                </a:path>
                <a:path w="2589529" h="799464">
                  <a:moveTo>
                    <a:pt x="781177" y="780542"/>
                  </a:moveTo>
                  <a:lnTo>
                    <a:pt x="780427" y="752348"/>
                  </a:lnTo>
                  <a:lnTo>
                    <a:pt x="780415" y="751586"/>
                  </a:lnTo>
                  <a:lnTo>
                    <a:pt x="751459" y="752348"/>
                  </a:lnTo>
                  <a:lnTo>
                    <a:pt x="752195" y="780542"/>
                  </a:lnTo>
                  <a:lnTo>
                    <a:pt x="752221" y="781177"/>
                  </a:lnTo>
                  <a:lnTo>
                    <a:pt x="781177" y="780542"/>
                  </a:lnTo>
                  <a:close/>
                </a:path>
                <a:path w="2589529" h="799464">
                  <a:moveTo>
                    <a:pt x="817753" y="220980"/>
                  </a:moveTo>
                  <a:lnTo>
                    <a:pt x="789813" y="213360"/>
                  </a:lnTo>
                  <a:lnTo>
                    <a:pt x="782193" y="241300"/>
                  </a:lnTo>
                  <a:lnTo>
                    <a:pt x="810133" y="248920"/>
                  </a:lnTo>
                  <a:lnTo>
                    <a:pt x="817753" y="220980"/>
                  </a:lnTo>
                  <a:close/>
                </a:path>
                <a:path w="2589529" h="799464">
                  <a:moveTo>
                    <a:pt x="839089" y="779018"/>
                  </a:moveTo>
                  <a:lnTo>
                    <a:pt x="838339" y="750824"/>
                  </a:lnTo>
                  <a:lnTo>
                    <a:pt x="838327" y="750062"/>
                  </a:lnTo>
                  <a:lnTo>
                    <a:pt x="809371" y="750824"/>
                  </a:lnTo>
                  <a:lnTo>
                    <a:pt x="810107" y="779018"/>
                  </a:lnTo>
                  <a:lnTo>
                    <a:pt x="810133" y="779780"/>
                  </a:lnTo>
                  <a:lnTo>
                    <a:pt x="839089" y="779018"/>
                  </a:lnTo>
                  <a:close/>
                </a:path>
                <a:path w="2589529" h="799464">
                  <a:moveTo>
                    <a:pt x="873633" y="236220"/>
                  </a:moveTo>
                  <a:lnTo>
                    <a:pt x="845693" y="228600"/>
                  </a:lnTo>
                  <a:lnTo>
                    <a:pt x="838073" y="256540"/>
                  </a:lnTo>
                  <a:lnTo>
                    <a:pt x="866013" y="264160"/>
                  </a:lnTo>
                  <a:lnTo>
                    <a:pt x="873633" y="236220"/>
                  </a:lnTo>
                  <a:close/>
                </a:path>
                <a:path w="2589529" h="799464">
                  <a:moveTo>
                    <a:pt x="897001" y="777494"/>
                  </a:moveTo>
                  <a:lnTo>
                    <a:pt x="896251" y="749300"/>
                  </a:lnTo>
                  <a:lnTo>
                    <a:pt x="896239" y="748538"/>
                  </a:lnTo>
                  <a:lnTo>
                    <a:pt x="867283" y="749300"/>
                  </a:lnTo>
                  <a:lnTo>
                    <a:pt x="868019" y="777494"/>
                  </a:lnTo>
                  <a:lnTo>
                    <a:pt x="868045" y="778256"/>
                  </a:lnTo>
                  <a:lnTo>
                    <a:pt x="897001" y="777494"/>
                  </a:lnTo>
                  <a:close/>
                </a:path>
                <a:path w="2589529" h="799464">
                  <a:moveTo>
                    <a:pt x="929513" y="251460"/>
                  </a:moveTo>
                  <a:lnTo>
                    <a:pt x="901573" y="243840"/>
                  </a:lnTo>
                  <a:lnTo>
                    <a:pt x="893953" y="271780"/>
                  </a:lnTo>
                  <a:lnTo>
                    <a:pt x="921893" y="279400"/>
                  </a:lnTo>
                  <a:lnTo>
                    <a:pt x="929513" y="251460"/>
                  </a:lnTo>
                  <a:close/>
                </a:path>
                <a:path w="2589529" h="799464">
                  <a:moveTo>
                    <a:pt x="954913" y="775970"/>
                  </a:moveTo>
                  <a:lnTo>
                    <a:pt x="954163" y="747776"/>
                  </a:lnTo>
                  <a:lnTo>
                    <a:pt x="954151" y="747141"/>
                  </a:lnTo>
                  <a:lnTo>
                    <a:pt x="925195" y="747776"/>
                  </a:lnTo>
                  <a:lnTo>
                    <a:pt x="925931" y="775970"/>
                  </a:lnTo>
                  <a:lnTo>
                    <a:pt x="925957" y="776732"/>
                  </a:lnTo>
                  <a:lnTo>
                    <a:pt x="954913" y="775970"/>
                  </a:lnTo>
                  <a:close/>
                </a:path>
                <a:path w="2589529" h="799464">
                  <a:moveTo>
                    <a:pt x="985393" y="266700"/>
                  </a:moveTo>
                  <a:lnTo>
                    <a:pt x="957453" y="259080"/>
                  </a:lnTo>
                  <a:lnTo>
                    <a:pt x="949833" y="287020"/>
                  </a:lnTo>
                  <a:lnTo>
                    <a:pt x="977773" y="294640"/>
                  </a:lnTo>
                  <a:lnTo>
                    <a:pt x="985393" y="266700"/>
                  </a:lnTo>
                  <a:close/>
                </a:path>
                <a:path w="2589529" h="799464">
                  <a:moveTo>
                    <a:pt x="1012698" y="774573"/>
                  </a:moveTo>
                  <a:lnTo>
                    <a:pt x="1012075" y="746379"/>
                  </a:lnTo>
                  <a:lnTo>
                    <a:pt x="1012063" y="745617"/>
                  </a:lnTo>
                  <a:lnTo>
                    <a:pt x="983107" y="746379"/>
                  </a:lnTo>
                  <a:lnTo>
                    <a:pt x="983843" y="774573"/>
                  </a:lnTo>
                  <a:lnTo>
                    <a:pt x="983869" y="775335"/>
                  </a:lnTo>
                  <a:lnTo>
                    <a:pt x="1012698" y="774573"/>
                  </a:lnTo>
                  <a:close/>
                </a:path>
                <a:path w="2589529" h="799464">
                  <a:moveTo>
                    <a:pt x="1041273" y="281940"/>
                  </a:moveTo>
                  <a:lnTo>
                    <a:pt x="1013333" y="274320"/>
                  </a:lnTo>
                  <a:lnTo>
                    <a:pt x="1005713" y="302260"/>
                  </a:lnTo>
                  <a:lnTo>
                    <a:pt x="1033653" y="309880"/>
                  </a:lnTo>
                  <a:lnTo>
                    <a:pt x="1041273" y="281940"/>
                  </a:lnTo>
                  <a:close/>
                </a:path>
                <a:path w="2589529" h="799464">
                  <a:moveTo>
                    <a:pt x="1070610" y="773049"/>
                  </a:moveTo>
                  <a:lnTo>
                    <a:pt x="1069860" y="744855"/>
                  </a:lnTo>
                  <a:lnTo>
                    <a:pt x="1069848" y="744093"/>
                  </a:lnTo>
                  <a:lnTo>
                    <a:pt x="1040892" y="744855"/>
                  </a:lnTo>
                  <a:lnTo>
                    <a:pt x="1041628" y="773049"/>
                  </a:lnTo>
                  <a:lnTo>
                    <a:pt x="1041654" y="773811"/>
                  </a:lnTo>
                  <a:lnTo>
                    <a:pt x="1070610" y="773049"/>
                  </a:lnTo>
                  <a:close/>
                </a:path>
                <a:path w="2589529" h="799464">
                  <a:moveTo>
                    <a:pt x="1097026" y="297180"/>
                  </a:moveTo>
                  <a:lnTo>
                    <a:pt x="1069213" y="289560"/>
                  </a:lnTo>
                  <a:lnTo>
                    <a:pt x="1061593" y="317500"/>
                  </a:lnTo>
                  <a:lnTo>
                    <a:pt x="1089406" y="325120"/>
                  </a:lnTo>
                  <a:lnTo>
                    <a:pt x="1097026" y="297180"/>
                  </a:lnTo>
                  <a:close/>
                </a:path>
                <a:path w="2589529" h="799464">
                  <a:moveTo>
                    <a:pt x="1128522" y="771525"/>
                  </a:moveTo>
                  <a:lnTo>
                    <a:pt x="1127772" y="743331"/>
                  </a:lnTo>
                  <a:lnTo>
                    <a:pt x="1127760" y="742569"/>
                  </a:lnTo>
                  <a:lnTo>
                    <a:pt x="1098804" y="743331"/>
                  </a:lnTo>
                  <a:lnTo>
                    <a:pt x="1099540" y="771525"/>
                  </a:lnTo>
                  <a:lnTo>
                    <a:pt x="1099566" y="772287"/>
                  </a:lnTo>
                  <a:lnTo>
                    <a:pt x="1128522" y="771525"/>
                  </a:lnTo>
                  <a:close/>
                </a:path>
                <a:path w="2589529" h="799464">
                  <a:moveTo>
                    <a:pt x="1152906" y="312420"/>
                  </a:moveTo>
                  <a:lnTo>
                    <a:pt x="1124966" y="304800"/>
                  </a:lnTo>
                  <a:lnTo>
                    <a:pt x="1117346" y="332740"/>
                  </a:lnTo>
                  <a:lnTo>
                    <a:pt x="1145286" y="340360"/>
                  </a:lnTo>
                  <a:lnTo>
                    <a:pt x="1152906" y="312420"/>
                  </a:lnTo>
                  <a:close/>
                </a:path>
                <a:path w="2589529" h="799464">
                  <a:moveTo>
                    <a:pt x="1186434" y="770128"/>
                  </a:moveTo>
                  <a:lnTo>
                    <a:pt x="1185684" y="741934"/>
                  </a:lnTo>
                  <a:lnTo>
                    <a:pt x="1185672" y="741172"/>
                  </a:lnTo>
                  <a:lnTo>
                    <a:pt x="1156716" y="741934"/>
                  </a:lnTo>
                  <a:lnTo>
                    <a:pt x="1157452" y="770128"/>
                  </a:lnTo>
                  <a:lnTo>
                    <a:pt x="1157478" y="770763"/>
                  </a:lnTo>
                  <a:lnTo>
                    <a:pt x="1186434" y="770128"/>
                  </a:lnTo>
                  <a:close/>
                </a:path>
                <a:path w="2589529" h="799464">
                  <a:moveTo>
                    <a:pt x="1208786" y="327660"/>
                  </a:moveTo>
                  <a:lnTo>
                    <a:pt x="1180846" y="320040"/>
                  </a:lnTo>
                  <a:lnTo>
                    <a:pt x="1173226" y="347980"/>
                  </a:lnTo>
                  <a:lnTo>
                    <a:pt x="1201166" y="355600"/>
                  </a:lnTo>
                  <a:lnTo>
                    <a:pt x="1208786" y="327660"/>
                  </a:lnTo>
                  <a:close/>
                </a:path>
                <a:path w="2589529" h="799464">
                  <a:moveTo>
                    <a:pt x="1244346" y="768604"/>
                  </a:moveTo>
                  <a:lnTo>
                    <a:pt x="1243596" y="740410"/>
                  </a:lnTo>
                  <a:lnTo>
                    <a:pt x="1243584" y="739648"/>
                  </a:lnTo>
                  <a:lnTo>
                    <a:pt x="1214628" y="740410"/>
                  </a:lnTo>
                  <a:lnTo>
                    <a:pt x="1215364" y="768604"/>
                  </a:lnTo>
                  <a:lnTo>
                    <a:pt x="1215390" y="769366"/>
                  </a:lnTo>
                  <a:lnTo>
                    <a:pt x="1244346" y="768604"/>
                  </a:lnTo>
                  <a:close/>
                </a:path>
                <a:path w="2589529" h="799464">
                  <a:moveTo>
                    <a:pt x="1264666" y="342900"/>
                  </a:moveTo>
                  <a:lnTo>
                    <a:pt x="1236726" y="335280"/>
                  </a:lnTo>
                  <a:lnTo>
                    <a:pt x="1229106" y="363220"/>
                  </a:lnTo>
                  <a:lnTo>
                    <a:pt x="1257046" y="370840"/>
                  </a:lnTo>
                  <a:lnTo>
                    <a:pt x="1264666" y="342900"/>
                  </a:lnTo>
                  <a:close/>
                </a:path>
                <a:path w="2589529" h="799464">
                  <a:moveTo>
                    <a:pt x="1302258" y="767080"/>
                  </a:moveTo>
                  <a:lnTo>
                    <a:pt x="1301508" y="738886"/>
                  </a:lnTo>
                  <a:lnTo>
                    <a:pt x="1301496" y="738124"/>
                  </a:lnTo>
                  <a:lnTo>
                    <a:pt x="1272540" y="738886"/>
                  </a:lnTo>
                  <a:lnTo>
                    <a:pt x="1273276" y="767080"/>
                  </a:lnTo>
                  <a:lnTo>
                    <a:pt x="1273302" y="767842"/>
                  </a:lnTo>
                  <a:lnTo>
                    <a:pt x="1302258" y="767080"/>
                  </a:lnTo>
                  <a:close/>
                </a:path>
                <a:path w="2589529" h="799464">
                  <a:moveTo>
                    <a:pt x="1320546" y="358140"/>
                  </a:moveTo>
                  <a:lnTo>
                    <a:pt x="1292606" y="350520"/>
                  </a:lnTo>
                  <a:lnTo>
                    <a:pt x="1284986" y="378460"/>
                  </a:lnTo>
                  <a:lnTo>
                    <a:pt x="1312926" y="386080"/>
                  </a:lnTo>
                  <a:lnTo>
                    <a:pt x="1320546" y="358140"/>
                  </a:lnTo>
                  <a:close/>
                </a:path>
                <a:path w="2589529" h="799464">
                  <a:moveTo>
                    <a:pt x="1360170" y="765556"/>
                  </a:moveTo>
                  <a:lnTo>
                    <a:pt x="1359420" y="737362"/>
                  </a:lnTo>
                  <a:lnTo>
                    <a:pt x="1359408" y="736727"/>
                  </a:lnTo>
                  <a:lnTo>
                    <a:pt x="1330452" y="737362"/>
                  </a:lnTo>
                  <a:lnTo>
                    <a:pt x="1331188" y="765556"/>
                  </a:lnTo>
                  <a:lnTo>
                    <a:pt x="1331214" y="766318"/>
                  </a:lnTo>
                  <a:lnTo>
                    <a:pt x="1360170" y="765556"/>
                  </a:lnTo>
                  <a:close/>
                </a:path>
                <a:path w="2589529" h="799464">
                  <a:moveTo>
                    <a:pt x="1376426" y="373380"/>
                  </a:moveTo>
                  <a:lnTo>
                    <a:pt x="1348486" y="365760"/>
                  </a:lnTo>
                  <a:lnTo>
                    <a:pt x="1340866" y="393700"/>
                  </a:lnTo>
                  <a:lnTo>
                    <a:pt x="1368806" y="401320"/>
                  </a:lnTo>
                  <a:lnTo>
                    <a:pt x="1376426" y="373380"/>
                  </a:lnTo>
                  <a:close/>
                </a:path>
                <a:path w="2589529" h="799464">
                  <a:moveTo>
                    <a:pt x="1417955" y="764159"/>
                  </a:moveTo>
                  <a:lnTo>
                    <a:pt x="1417332" y="735965"/>
                  </a:lnTo>
                  <a:lnTo>
                    <a:pt x="1417320" y="735203"/>
                  </a:lnTo>
                  <a:lnTo>
                    <a:pt x="1388364" y="735965"/>
                  </a:lnTo>
                  <a:lnTo>
                    <a:pt x="1388973" y="764159"/>
                  </a:lnTo>
                  <a:lnTo>
                    <a:pt x="1388999" y="764921"/>
                  </a:lnTo>
                  <a:lnTo>
                    <a:pt x="1417955" y="764159"/>
                  </a:lnTo>
                  <a:close/>
                </a:path>
                <a:path w="2589529" h="799464">
                  <a:moveTo>
                    <a:pt x="1432306" y="388620"/>
                  </a:moveTo>
                  <a:lnTo>
                    <a:pt x="1404366" y="381000"/>
                  </a:lnTo>
                  <a:lnTo>
                    <a:pt x="1396746" y="408940"/>
                  </a:lnTo>
                  <a:lnTo>
                    <a:pt x="1424686" y="416560"/>
                  </a:lnTo>
                  <a:lnTo>
                    <a:pt x="1432306" y="388620"/>
                  </a:lnTo>
                  <a:close/>
                </a:path>
                <a:path w="2589529" h="799464">
                  <a:moveTo>
                    <a:pt x="1475867" y="762635"/>
                  </a:moveTo>
                  <a:lnTo>
                    <a:pt x="1475117" y="734441"/>
                  </a:lnTo>
                  <a:lnTo>
                    <a:pt x="1475105" y="733679"/>
                  </a:lnTo>
                  <a:lnTo>
                    <a:pt x="1446149" y="734441"/>
                  </a:lnTo>
                  <a:lnTo>
                    <a:pt x="1446885" y="762635"/>
                  </a:lnTo>
                  <a:lnTo>
                    <a:pt x="1446911" y="763397"/>
                  </a:lnTo>
                  <a:lnTo>
                    <a:pt x="1475867" y="762635"/>
                  </a:lnTo>
                  <a:close/>
                </a:path>
                <a:path w="2589529" h="799464">
                  <a:moveTo>
                    <a:pt x="1488186" y="403860"/>
                  </a:moveTo>
                  <a:lnTo>
                    <a:pt x="1460246" y="396240"/>
                  </a:lnTo>
                  <a:lnTo>
                    <a:pt x="1452626" y="424180"/>
                  </a:lnTo>
                  <a:lnTo>
                    <a:pt x="1480566" y="431800"/>
                  </a:lnTo>
                  <a:lnTo>
                    <a:pt x="1488186" y="403860"/>
                  </a:lnTo>
                  <a:close/>
                </a:path>
                <a:path w="2589529" h="799464">
                  <a:moveTo>
                    <a:pt x="1533779" y="761111"/>
                  </a:moveTo>
                  <a:lnTo>
                    <a:pt x="1533029" y="732917"/>
                  </a:lnTo>
                  <a:lnTo>
                    <a:pt x="1533017" y="732155"/>
                  </a:lnTo>
                  <a:lnTo>
                    <a:pt x="1504061" y="732917"/>
                  </a:lnTo>
                  <a:lnTo>
                    <a:pt x="1504797" y="761111"/>
                  </a:lnTo>
                  <a:lnTo>
                    <a:pt x="1504823" y="761873"/>
                  </a:lnTo>
                  <a:lnTo>
                    <a:pt x="1533779" y="761111"/>
                  </a:lnTo>
                  <a:close/>
                </a:path>
                <a:path w="2589529" h="799464">
                  <a:moveTo>
                    <a:pt x="1544066" y="419100"/>
                  </a:moveTo>
                  <a:lnTo>
                    <a:pt x="1516126" y="411480"/>
                  </a:lnTo>
                  <a:lnTo>
                    <a:pt x="1508506" y="439420"/>
                  </a:lnTo>
                  <a:lnTo>
                    <a:pt x="1536446" y="447040"/>
                  </a:lnTo>
                  <a:lnTo>
                    <a:pt x="1544066" y="419100"/>
                  </a:lnTo>
                  <a:close/>
                </a:path>
                <a:path w="2589529" h="799464">
                  <a:moveTo>
                    <a:pt x="1591691" y="759714"/>
                  </a:moveTo>
                  <a:lnTo>
                    <a:pt x="1590941" y="731520"/>
                  </a:lnTo>
                  <a:lnTo>
                    <a:pt x="1590929" y="730758"/>
                  </a:lnTo>
                  <a:lnTo>
                    <a:pt x="1561973" y="731520"/>
                  </a:lnTo>
                  <a:lnTo>
                    <a:pt x="1562709" y="759714"/>
                  </a:lnTo>
                  <a:lnTo>
                    <a:pt x="1562735" y="760476"/>
                  </a:lnTo>
                  <a:lnTo>
                    <a:pt x="1591691" y="759714"/>
                  </a:lnTo>
                  <a:close/>
                </a:path>
                <a:path w="2589529" h="799464">
                  <a:moveTo>
                    <a:pt x="1599946" y="434340"/>
                  </a:moveTo>
                  <a:lnTo>
                    <a:pt x="1572006" y="426720"/>
                  </a:lnTo>
                  <a:lnTo>
                    <a:pt x="1564386" y="454660"/>
                  </a:lnTo>
                  <a:lnTo>
                    <a:pt x="1592326" y="462280"/>
                  </a:lnTo>
                  <a:lnTo>
                    <a:pt x="1599946" y="434340"/>
                  </a:lnTo>
                  <a:close/>
                </a:path>
                <a:path w="2589529" h="799464">
                  <a:moveTo>
                    <a:pt x="1649603" y="758190"/>
                  </a:moveTo>
                  <a:lnTo>
                    <a:pt x="1648853" y="729996"/>
                  </a:lnTo>
                  <a:lnTo>
                    <a:pt x="1648841" y="729234"/>
                  </a:lnTo>
                  <a:lnTo>
                    <a:pt x="1619885" y="729996"/>
                  </a:lnTo>
                  <a:lnTo>
                    <a:pt x="1620621" y="758190"/>
                  </a:lnTo>
                  <a:lnTo>
                    <a:pt x="1620647" y="758952"/>
                  </a:lnTo>
                  <a:lnTo>
                    <a:pt x="1649603" y="758190"/>
                  </a:lnTo>
                  <a:close/>
                </a:path>
                <a:path w="2589529" h="799464">
                  <a:moveTo>
                    <a:pt x="1655826" y="449580"/>
                  </a:moveTo>
                  <a:lnTo>
                    <a:pt x="1627886" y="441960"/>
                  </a:lnTo>
                  <a:lnTo>
                    <a:pt x="1620266" y="469900"/>
                  </a:lnTo>
                  <a:lnTo>
                    <a:pt x="1648206" y="477520"/>
                  </a:lnTo>
                  <a:lnTo>
                    <a:pt x="1655826" y="449580"/>
                  </a:lnTo>
                  <a:close/>
                </a:path>
                <a:path w="2589529" h="799464">
                  <a:moveTo>
                    <a:pt x="1707515" y="756666"/>
                  </a:moveTo>
                  <a:lnTo>
                    <a:pt x="1706765" y="728472"/>
                  </a:lnTo>
                  <a:lnTo>
                    <a:pt x="1706753" y="727710"/>
                  </a:lnTo>
                  <a:lnTo>
                    <a:pt x="1677797" y="728472"/>
                  </a:lnTo>
                  <a:lnTo>
                    <a:pt x="1678533" y="756666"/>
                  </a:lnTo>
                  <a:lnTo>
                    <a:pt x="1678559" y="757428"/>
                  </a:lnTo>
                  <a:lnTo>
                    <a:pt x="1707515" y="756666"/>
                  </a:lnTo>
                  <a:close/>
                </a:path>
                <a:path w="2589529" h="799464">
                  <a:moveTo>
                    <a:pt x="1711706" y="464820"/>
                  </a:moveTo>
                  <a:lnTo>
                    <a:pt x="1683766" y="457200"/>
                  </a:lnTo>
                  <a:lnTo>
                    <a:pt x="1676146" y="485140"/>
                  </a:lnTo>
                  <a:lnTo>
                    <a:pt x="1704086" y="492760"/>
                  </a:lnTo>
                  <a:lnTo>
                    <a:pt x="1711706" y="464820"/>
                  </a:lnTo>
                  <a:close/>
                </a:path>
                <a:path w="2589529" h="799464">
                  <a:moveTo>
                    <a:pt x="1765300" y="755269"/>
                  </a:moveTo>
                  <a:lnTo>
                    <a:pt x="1764677" y="726948"/>
                  </a:lnTo>
                  <a:lnTo>
                    <a:pt x="1764665" y="726313"/>
                  </a:lnTo>
                  <a:lnTo>
                    <a:pt x="1735709" y="726948"/>
                  </a:lnTo>
                  <a:lnTo>
                    <a:pt x="1736445" y="755269"/>
                  </a:lnTo>
                  <a:lnTo>
                    <a:pt x="1736471" y="755904"/>
                  </a:lnTo>
                  <a:lnTo>
                    <a:pt x="1765300" y="755269"/>
                  </a:lnTo>
                  <a:close/>
                </a:path>
                <a:path w="2589529" h="799464">
                  <a:moveTo>
                    <a:pt x="1767586" y="480060"/>
                  </a:moveTo>
                  <a:lnTo>
                    <a:pt x="1739646" y="472440"/>
                  </a:lnTo>
                  <a:lnTo>
                    <a:pt x="1732026" y="500380"/>
                  </a:lnTo>
                  <a:lnTo>
                    <a:pt x="1759966" y="508000"/>
                  </a:lnTo>
                  <a:lnTo>
                    <a:pt x="1767586" y="480060"/>
                  </a:lnTo>
                  <a:close/>
                </a:path>
                <a:path w="2589529" h="799464">
                  <a:moveTo>
                    <a:pt x="1823212" y="753745"/>
                  </a:moveTo>
                  <a:lnTo>
                    <a:pt x="1822462" y="725551"/>
                  </a:lnTo>
                  <a:lnTo>
                    <a:pt x="1822450" y="724789"/>
                  </a:lnTo>
                  <a:lnTo>
                    <a:pt x="1793621" y="725551"/>
                  </a:lnTo>
                  <a:lnTo>
                    <a:pt x="1794230" y="753745"/>
                  </a:lnTo>
                  <a:lnTo>
                    <a:pt x="1794256" y="754507"/>
                  </a:lnTo>
                  <a:lnTo>
                    <a:pt x="1823212" y="753745"/>
                  </a:lnTo>
                  <a:close/>
                </a:path>
                <a:path w="2589529" h="799464">
                  <a:moveTo>
                    <a:pt x="1823339" y="495300"/>
                  </a:moveTo>
                  <a:lnTo>
                    <a:pt x="1795526" y="487680"/>
                  </a:lnTo>
                  <a:lnTo>
                    <a:pt x="1787906" y="515620"/>
                  </a:lnTo>
                  <a:lnTo>
                    <a:pt x="1815719" y="523240"/>
                  </a:lnTo>
                  <a:lnTo>
                    <a:pt x="1823339" y="495300"/>
                  </a:lnTo>
                  <a:close/>
                </a:path>
                <a:path w="2589529" h="799464">
                  <a:moveTo>
                    <a:pt x="1879219" y="510540"/>
                  </a:moveTo>
                  <a:lnTo>
                    <a:pt x="1851279" y="502920"/>
                  </a:lnTo>
                  <a:lnTo>
                    <a:pt x="1843659" y="530860"/>
                  </a:lnTo>
                  <a:lnTo>
                    <a:pt x="1871599" y="538480"/>
                  </a:lnTo>
                  <a:lnTo>
                    <a:pt x="1879219" y="510540"/>
                  </a:lnTo>
                  <a:close/>
                </a:path>
                <a:path w="2589529" h="799464">
                  <a:moveTo>
                    <a:pt x="1881124" y="752221"/>
                  </a:moveTo>
                  <a:lnTo>
                    <a:pt x="1880374" y="724027"/>
                  </a:lnTo>
                  <a:lnTo>
                    <a:pt x="1880362" y="723265"/>
                  </a:lnTo>
                  <a:lnTo>
                    <a:pt x="1851406" y="724027"/>
                  </a:lnTo>
                  <a:lnTo>
                    <a:pt x="1852142" y="752221"/>
                  </a:lnTo>
                  <a:lnTo>
                    <a:pt x="1852168" y="752983"/>
                  </a:lnTo>
                  <a:lnTo>
                    <a:pt x="1881124" y="752221"/>
                  </a:lnTo>
                  <a:close/>
                </a:path>
                <a:path w="2589529" h="799464">
                  <a:moveTo>
                    <a:pt x="1935099" y="525780"/>
                  </a:moveTo>
                  <a:lnTo>
                    <a:pt x="1907159" y="518160"/>
                  </a:lnTo>
                  <a:lnTo>
                    <a:pt x="1899539" y="546100"/>
                  </a:lnTo>
                  <a:lnTo>
                    <a:pt x="1927479" y="553720"/>
                  </a:lnTo>
                  <a:lnTo>
                    <a:pt x="1935099" y="525780"/>
                  </a:lnTo>
                  <a:close/>
                </a:path>
                <a:path w="2589529" h="799464">
                  <a:moveTo>
                    <a:pt x="1939036" y="750697"/>
                  </a:moveTo>
                  <a:lnTo>
                    <a:pt x="1938286" y="722503"/>
                  </a:lnTo>
                  <a:lnTo>
                    <a:pt x="1938274" y="721741"/>
                  </a:lnTo>
                  <a:lnTo>
                    <a:pt x="1909318" y="722503"/>
                  </a:lnTo>
                  <a:lnTo>
                    <a:pt x="1910054" y="750697"/>
                  </a:lnTo>
                  <a:lnTo>
                    <a:pt x="1910080" y="751459"/>
                  </a:lnTo>
                  <a:lnTo>
                    <a:pt x="1939036" y="750697"/>
                  </a:lnTo>
                  <a:close/>
                </a:path>
                <a:path w="2589529" h="799464">
                  <a:moveTo>
                    <a:pt x="1990979" y="541020"/>
                  </a:moveTo>
                  <a:lnTo>
                    <a:pt x="1963039" y="533400"/>
                  </a:lnTo>
                  <a:lnTo>
                    <a:pt x="1955419" y="561340"/>
                  </a:lnTo>
                  <a:lnTo>
                    <a:pt x="1983359" y="568960"/>
                  </a:lnTo>
                  <a:lnTo>
                    <a:pt x="1990979" y="541020"/>
                  </a:lnTo>
                  <a:close/>
                </a:path>
                <a:path w="2589529" h="799464">
                  <a:moveTo>
                    <a:pt x="1996948" y="749300"/>
                  </a:moveTo>
                  <a:lnTo>
                    <a:pt x="1996198" y="721106"/>
                  </a:lnTo>
                  <a:lnTo>
                    <a:pt x="1996186" y="720344"/>
                  </a:lnTo>
                  <a:lnTo>
                    <a:pt x="1967230" y="721106"/>
                  </a:lnTo>
                  <a:lnTo>
                    <a:pt x="1967966" y="749300"/>
                  </a:lnTo>
                  <a:lnTo>
                    <a:pt x="1967992" y="750062"/>
                  </a:lnTo>
                  <a:lnTo>
                    <a:pt x="1996948" y="749300"/>
                  </a:lnTo>
                  <a:close/>
                </a:path>
                <a:path w="2589529" h="799464">
                  <a:moveTo>
                    <a:pt x="2046859" y="556260"/>
                  </a:moveTo>
                  <a:lnTo>
                    <a:pt x="2018919" y="548640"/>
                  </a:lnTo>
                  <a:lnTo>
                    <a:pt x="2011299" y="576580"/>
                  </a:lnTo>
                  <a:lnTo>
                    <a:pt x="2039239" y="584200"/>
                  </a:lnTo>
                  <a:lnTo>
                    <a:pt x="2046859" y="556260"/>
                  </a:lnTo>
                  <a:close/>
                </a:path>
                <a:path w="2589529" h="799464">
                  <a:moveTo>
                    <a:pt x="2054860" y="747776"/>
                  </a:moveTo>
                  <a:lnTo>
                    <a:pt x="2054110" y="719582"/>
                  </a:lnTo>
                  <a:lnTo>
                    <a:pt x="2054098" y="718820"/>
                  </a:lnTo>
                  <a:lnTo>
                    <a:pt x="2025142" y="719582"/>
                  </a:lnTo>
                  <a:lnTo>
                    <a:pt x="2025878" y="747776"/>
                  </a:lnTo>
                  <a:lnTo>
                    <a:pt x="2025904" y="748538"/>
                  </a:lnTo>
                  <a:lnTo>
                    <a:pt x="2054860" y="747776"/>
                  </a:lnTo>
                  <a:close/>
                </a:path>
                <a:path w="2589529" h="799464">
                  <a:moveTo>
                    <a:pt x="2102739" y="571500"/>
                  </a:moveTo>
                  <a:lnTo>
                    <a:pt x="2074799" y="563880"/>
                  </a:lnTo>
                  <a:lnTo>
                    <a:pt x="2067179" y="591820"/>
                  </a:lnTo>
                  <a:lnTo>
                    <a:pt x="2095119" y="599440"/>
                  </a:lnTo>
                  <a:lnTo>
                    <a:pt x="2102739" y="571500"/>
                  </a:lnTo>
                  <a:close/>
                </a:path>
                <a:path w="2589529" h="799464">
                  <a:moveTo>
                    <a:pt x="2112772" y="746252"/>
                  </a:moveTo>
                  <a:lnTo>
                    <a:pt x="2112022" y="718058"/>
                  </a:lnTo>
                  <a:lnTo>
                    <a:pt x="2112010" y="717296"/>
                  </a:lnTo>
                  <a:lnTo>
                    <a:pt x="2083054" y="718058"/>
                  </a:lnTo>
                  <a:lnTo>
                    <a:pt x="2083790" y="746252"/>
                  </a:lnTo>
                  <a:lnTo>
                    <a:pt x="2083816" y="747014"/>
                  </a:lnTo>
                  <a:lnTo>
                    <a:pt x="2112772" y="746252"/>
                  </a:lnTo>
                  <a:close/>
                </a:path>
                <a:path w="2589529" h="799464">
                  <a:moveTo>
                    <a:pt x="2158619" y="586867"/>
                  </a:moveTo>
                  <a:lnTo>
                    <a:pt x="2130679" y="579120"/>
                  </a:lnTo>
                  <a:lnTo>
                    <a:pt x="2123059" y="607060"/>
                  </a:lnTo>
                  <a:lnTo>
                    <a:pt x="2150999" y="614680"/>
                  </a:lnTo>
                  <a:lnTo>
                    <a:pt x="2158619" y="586867"/>
                  </a:lnTo>
                  <a:close/>
                </a:path>
                <a:path w="2589529" h="799464">
                  <a:moveTo>
                    <a:pt x="2170544" y="744855"/>
                  </a:moveTo>
                  <a:lnTo>
                    <a:pt x="2169934" y="716534"/>
                  </a:lnTo>
                  <a:lnTo>
                    <a:pt x="2169922" y="715899"/>
                  </a:lnTo>
                  <a:lnTo>
                    <a:pt x="2140966" y="716534"/>
                  </a:lnTo>
                  <a:lnTo>
                    <a:pt x="2141575" y="744855"/>
                  </a:lnTo>
                  <a:lnTo>
                    <a:pt x="2141601" y="745490"/>
                  </a:lnTo>
                  <a:lnTo>
                    <a:pt x="2170544" y="744855"/>
                  </a:lnTo>
                  <a:close/>
                </a:path>
                <a:path w="2589529" h="799464">
                  <a:moveTo>
                    <a:pt x="2214499" y="602107"/>
                  </a:moveTo>
                  <a:lnTo>
                    <a:pt x="2186546" y="594487"/>
                  </a:lnTo>
                  <a:lnTo>
                    <a:pt x="2178939" y="622300"/>
                  </a:lnTo>
                  <a:lnTo>
                    <a:pt x="2206866" y="629920"/>
                  </a:lnTo>
                  <a:lnTo>
                    <a:pt x="2214499" y="602107"/>
                  </a:lnTo>
                  <a:close/>
                </a:path>
                <a:path w="2589529" h="799464">
                  <a:moveTo>
                    <a:pt x="2228469" y="743331"/>
                  </a:moveTo>
                  <a:lnTo>
                    <a:pt x="2227719" y="715137"/>
                  </a:lnTo>
                  <a:lnTo>
                    <a:pt x="2227694" y="714375"/>
                  </a:lnTo>
                  <a:lnTo>
                    <a:pt x="2198751" y="715137"/>
                  </a:lnTo>
                  <a:lnTo>
                    <a:pt x="2199487" y="743331"/>
                  </a:lnTo>
                  <a:lnTo>
                    <a:pt x="2199513" y="744093"/>
                  </a:lnTo>
                  <a:lnTo>
                    <a:pt x="2228469" y="743331"/>
                  </a:lnTo>
                  <a:close/>
                </a:path>
                <a:path w="2589529" h="799464">
                  <a:moveTo>
                    <a:pt x="2270366" y="617347"/>
                  </a:moveTo>
                  <a:lnTo>
                    <a:pt x="2242439" y="609727"/>
                  </a:lnTo>
                  <a:lnTo>
                    <a:pt x="2234819" y="637540"/>
                  </a:lnTo>
                  <a:lnTo>
                    <a:pt x="2262746" y="645160"/>
                  </a:lnTo>
                  <a:lnTo>
                    <a:pt x="2270366" y="617347"/>
                  </a:lnTo>
                  <a:close/>
                </a:path>
                <a:path w="2589529" h="799464">
                  <a:moveTo>
                    <a:pt x="2286368" y="741807"/>
                  </a:moveTo>
                  <a:lnTo>
                    <a:pt x="2285631" y="713613"/>
                  </a:lnTo>
                  <a:lnTo>
                    <a:pt x="2285619" y="712851"/>
                  </a:lnTo>
                  <a:lnTo>
                    <a:pt x="2256663" y="713613"/>
                  </a:lnTo>
                  <a:lnTo>
                    <a:pt x="2257399" y="741807"/>
                  </a:lnTo>
                  <a:lnTo>
                    <a:pt x="2257425" y="742569"/>
                  </a:lnTo>
                  <a:lnTo>
                    <a:pt x="2286368" y="741807"/>
                  </a:lnTo>
                  <a:close/>
                </a:path>
                <a:path w="2589529" h="799464">
                  <a:moveTo>
                    <a:pt x="2326259" y="632587"/>
                  </a:moveTo>
                  <a:lnTo>
                    <a:pt x="2298319" y="624967"/>
                  </a:lnTo>
                  <a:lnTo>
                    <a:pt x="2290699" y="652780"/>
                  </a:lnTo>
                  <a:lnTo>
                    <a:pt x="2318639" y="660527"/>
                  </a:lnTo>
                  <a:lnTo>
                    <a:pt x="2326259" y="632587"/>
                  </a:lnTo>
                  <a:close/>
                </a:path>
                <a:path w="2589529" h="799464">
                  <a:moveTo>
                    <a:pt x="2344293" y="740283"/>
                  </a:moveTo>
                  <a:lnTo>
                    <a:pt x="2343543" y="712089"/>
                  </a:lnTo>
                  <a:lnTo>
                    <a:pt x="2343531" y="711327"/>
                  </a:lnTo>
                  <a:lnTo>
                    <a:pt x="2314575" y="712089"/>
                  </a:lnTo>
                  <a:lnTo>
                    <a:pt x="2315311" y="740283"/>
                  </a:lnTo>
                  <a:lnTo>
                    <a:pt x="2315337" y="741045"/>
                  </a:lnTo>
                  <a:lnTo>
                    <a:pt x="2344293" y="740283"/>
                  </a:lnTo>
                  <a:close/>
                </a:path>
                <a:path w="2589529" h="799464">
                  <a:moveTo>
                    <a:pt x="2382139" y="647827"/>
                  </a:moveTo>
                  <a:lnTo>
                    <a:pt x="2354199" y="640207"/>
                  </a:lnTo>
                  <a:lnTo>
                    <a:pt x="2346579" y="668147"/>
                  </a:lnTo>
                  <a:lnTo>
                    <a:pt x="2374519" y="675767"/>
                  </a:lnTo>
                  <a:lnTo>
                    <a:pt x="2382139" y="647827"/>
                  </a:lnTo>
                  <a:close/>
                </a:path>
                <a:path w="2589529" h="799464">
                  <a:moveTo>
                    <a:pt x="2402205" y="738886"/>
                  </a:moveTo>
                  <a:lnTo>
                    <a:pt x="2401455" y="710692"/>
                  </a:lnTo>
                  <a:lnTo>
                    <a:pt x="2401443" y="709930"/>
                  </a:lnTo>
                  <a:lnTo>
                    <a:pt x="2372487" y="710692"/>
                  </a:lnTo>
                  <a:lnTo>
                    <a:pt x="2373223" y="738886"/>
                  </a:lnTo>
                  <a:lnTo>
                    <a:pt x="2373249" y="739648"/>
                  </a:lnTo>
                  <a:lnTo>
                    <a:pt x="2402205" y="738886"/>
                  </a:lnTo>
                  <a:close/>
                </a:path>
                <a:path w="2589529" h="799464">
                  <a:moveTo>
                    <a:pt x="2438019" y="663067"/>
                  </a:moveTo>
                  <a:lnTo>
                    <a:pt x="2410079" y="655447"/>
                  </a:lnTo>
                  <a:lnTo>
                    <a:pt x="2402459" y="683387"/>
                  </a:lnTo>
                  <a:lnTo>
                    <a:pt x="2430399" y="691007"/>
                  </a:lnTo>
                  <a:lnTo>
                    <a:pt x="2438019" y="663067"/>
                  </a:lnTo>
                  <a:close/>
                </a:path>
                <a:path w="2589529" h="799464">
                  <a:moveTo>
                    <a:pt x="2460117" y="737362"/>
                  </a:moveTo>
                  <a:lnTo>
                    <a:pt x="2459367" y="709168"/>
                  </a:lnTo>
                  <a:lnTo>
                    <a:pt x="2459355" y="708406"/>
                  </a:lnTo>
                  <a:lnTo>
                    <a:pt x="2430399" y="709168"/>
                  </a:lnTo>
                  <a:lnTo>
                    <a:pt x="2431135" y="737362"/>
                  </a:lnTo>
                  <a:lnTo>
                    <a:pt x="2431161" y="738124"/>
                  </a:lnTo>
                  <a:lnTo>
                    <a:pt x="2460117" y="737362"/>
                  </a:lnTo>
                  <a:close/>
                </a:path>
                <a:path w="2589529" h="799464">
                  <a:moveTo>
                    <a:pt x="2493899" y="678307"/>
                  </a:moveTo>
                  <a:lnTo>
                    <a:pt x="2465959" y="670687"/>
                  </a:lnTo>
                  <a:lnTo>
                    <a:pt x="2458339" y="698627"/>
                  </a:lnTo>
                  <a:lnTo>
                    <a:pt x="2486279" y="706247"/>
                  </a:lnTo>
                  <a:lnTo>
                    <a:pt x="2493899" y="678307"/>
                  </a:lnTo>
                  <a:close/>
                </a:path>
                <a:path w="2589529" h="799464">
                  <a:moveTo>
                    <a:pt x="2589403" y="719328"/>
                  </a:moveTo>
                  <a:lnTo>
                    <a:pt x="2583713" y="714248"/>
                  </a:lnTo>
                  <a:lnTo>
                    <a:pt x="2552065" y="685927"/>
                  </a:lnTo>
                  <a:lnTo>
                    <a:pt x="2521724" y="658787"/>
                  </a:lnTo>
                  <a:lnTo>
                    <a:pt x="2521724" y="686308"/>
                  </a:lnTo>
                  <a:lnTo>
                    <a:pt x="2521216" y="688200"/>
                  </a:lnTo>
                  <a:lnTo>
                    <a:pt x="2521724" y="686308"/>
                  </a:lnTo>
                  <a:lnTo>
                    <a:pt x="2521724" y="658787"/>
                  </a:lnTo>
                  <a:lnTo>
                    <a:pt x="2517013" y="654558"/>
                  </a:lnTo>
                  <a:lnTo>
                    <a:pt x="2509342" y="682650"/>
                  </a:lnTo>
                  <a:lnTo>
                    <a:pt x="2500376" y="678434"/>
                  </a:lnTo>
                  <a:lnTo>
                    <a:pt x="2501087" y="707009"/>
                  </a:lnTo>
                  <a:lnTo>
                    <a:pt x="2501087" y="707351"/>
                  </a:lnTo>
                  <a:lnTo>
                    <a:pt x="2488311" y="707644"/>
                  </a:lnTo>
                  <a:lnTo>
                    <a:pt x="2489047" y="735965"/>
                  </a:lnTo>
                  <a:lnTo>
                    <a:pt x="2489073" y="736600"/>
                  </a:lnTo>
                  <a:lnTo>
                    <a:pt x="2494661" y="736473"/>
                  </a:lnTo>
                  <a:lnTo>
                    <a:pt x="2494153" y="738378"/>
                  </a:lnTo>
                  <a:lnTo>
                    <a:pt x="2501823" y="736854"/>
                  </a:lnTo>
                  <a:lnTo>
                    <a:pt x="2502535" y="765175"/>
                  </a:lnTo>
                  <a:lnTo>
                    <a:pt x="2588260" y="719582"/>
                  </a:lnTo>
                  <a:lnTo>
                    <a:pt x="2589403" y="719328"/>
                  </a:lnTo>
                  <a:close/>
                </a:path>
              </a:pathLst>
            </a:custGeom>
            <a:solidFill>
              <a:srgbClr val="7E7E7E"/>
            </a:solidFill>
          </p:spPr>
          <p:txBody>
            <a:bodyPr wrap="square" lIns="0" tIns="0" rIns="0" bIns="0" rtlCol="0"/>
            <a:lstStyle/>
            <a:p>
              <a:endParaRPr/>
            </a:p>
          </p:txBody>
        </p:sp>
        <p:sp>
          <p:nvSpPr>
            <p:cNvPr id="15" name="object 15"/>
            <p:cNvSpPr/>
            <p:nvPr/>
          </p:nvSpPr>
          <p:spPr>
            <a:xfrm>
              <a:off x="5250941" y="4260342"/>
              <a:ext cx="1649730" cy="6350"/>
            </a:xfrm>
            <a:custGeom>
              <a:avLst/>
              <a:gdLst/>
              <a:ahLst/>
              <a:cxnLst/>
              <a:rect l="l" t="t" r="r" b="b"/>
              <a:pathLst>
                <a:path w="1649729" h="6350">
                  <a:moveTo>
                    <a:pt x="1649603" y="5841"/>
                  </a:moveTo>
                  <a:lnTo>
                    <a:pt x="0" y="0"/>
                  </a:lnTo>
                </a:path>
              </a:pathLst>
            </a:custGeom>
            <a:ln w="38100">
              <a:solidFill>
                <a:srgbClr val="C00000"/>
              </a:solidFill>
            </a:ln>
          </p:spPr>
          <p:txBody>
            <a:bodyPr wrap="square" lIns="0" tIns="0" rIns="0" bIns="0" rtlCol="0"/>
            <a:lstStyle/>
            <a:p>
              <a:endParaRPr/>
            </a:p>
          </p:txBody>
        </p:sp>
        <p:sp>
          <p:nvSpPr>
            <p:cNvPr id="16" name="object 16"/>
            <p:cNvSpPr/>
            <p:nvPr/>
          </p:nvSpPr>
          <p:spPr>
            <a:xfrm>
              <a:off x="5243194" y="2017754"/>
              <a:ext cx="637288" cy="2238016"/>
            </a:xfrm>
            <a:custGeom>
              <a:avLst/>
              <a:gdLst/>
              <a:ahLst/>
              <a:cxnLst/>
              <a:rect l="l" t="t" r="r" b="b"/>
              <a:pathLst>
                <a:path w="1226820" h="2293620">
                  <a:moveTo>
                    <a:pt x="1155957" y="92096"/>
                  </a:moveTo>
                  <a:lnTo>
                    <a:pt x="0" y="2275586"/>
                  </a:lnTo>
                  <a:lnTo>
                    <a:pt x="33781" y="2293366"/>
                  </a:lnTo>
                  <a:lnTo>
                    <a:pt x="1189703" y="109944"/>
                  </a:lnTo>
                  <a:lnTo>
                    <a:pt x="1155957" y="92096"/>
                  </a:lnTo>
                  <a:close/>
                </a:path>
                <a:path w="1226820" h="2293620">
                  <a:moveTo>
                    <a:pt x="1224590" y="75311"/>
                  </a:moveTo>
                  <a:lnTo>
                    <a:pt x="1164843" y="75311"/>
                  </a:lnTo>
                  <a:lnTo>
                    <a:pt x="1198626" y="93090"/>
                  </a:lnTo>
                  <a:lnTo>
                    <a:pt x="1189703" y="109944"/>
                  </a:lnTo>
                  <a:lnTo>
                    <a:pt x="1223390" y="127762"/>
                  </a:lnTo>
                  <a:lnTo>
                    <a:pt x="1224590" y="75311"/>
                  </a:lnTo>
                  <a:close/>
                </a:path>
                <a:path w="1226820" h="2293620">
                  <a:moveTo>
                    <a:pt x="1164843" y="75311"/>
                  </a:moveTo>
                  <a:lnTo>
                    <a:pt x="1155957" y="92096"/>
                  </a:lnTo>
                  <a:lnTo>
                    <a:pt x="1189703" y="109944"/>
                  </a:lnTo>
                  <a:lnTo>
                    <a:pt x="1198626" y="93090"/>
                  </a:lnTo>
                  <a:lnTo>
                    <a:pt x="1164843" y="75311"/>
                  </a:lnTo>
                  <a:close/>
                </a:path>
                <a:path w="1226820" h="2293620">
                  <a:moveTo>
                    <a:pt x="1226312" y="0"/>
                  </a:moveTo>
                  <a:lnTo>
                    <a:pt x="1122299" y="74295"/>
                  </a:lnTo>
                  <a:lnTo>
                    <a:pt x="1155957" y="92096"/>
                  </a:lnTo>
                  <a:lnTo>
                    <a:pt x="1164843" y="75311"/>
                  </a:lnTo>
                  <a:lnTo>
                    <a:pt x="1224590" y="75311"/>
                  </a:lnTo>
                  <a:lnTo>
                    <a:pt x="1226312" y="0"/>
                  </a:lnTo>
                  <a:close/>
                </a:path>
              </a:pathLst>
            </a:custGeom>
            <a:solidFill>
              <a:srgbClr val="FF0000"/>
            </a:solidFill>
            <a:ln w="28575">
              <a:solidFill>
                <a:srgbClr val="C00000"/>
              </a:solidFill>
            </a:ln>
          </p:spPr>
          <p:txBody>
            <a:bodyPr wrap="square" lIns="0" tIns="0" rIns="0" bIns="0" rtlCol="0"/>
            <a:lstStyle/>
            <a:p>
              <a:endParaRPr dirty="0"/>
            </a:p>
          </p:txBody>
        </p:sp>
        <p:sp>
          <p:nvSpPr>
            <p:cNvPr id="17" name="object 17"/>
            <p:cNvSpPr/>
            <p:nvPr/>
          </p:nvSpPr>
          <p:spPr>
            <a:xfrm>
              <a:off x="4149344" y="2731008"/>
              <a:ext cx="99060" cy="360680"/>
            </a:xfrm>
            <a:custGeom>
              <a:avLst/>
              <a:gdLst/>
              <a:ahLst/>
              <a:cxnLst/>
              <a:rect l="l" t="t" r="r" b="b"/>
              <a:pathLst>
                <a:path w="99060" h="360680">
                  <a:moveTo>
                    <a:pt x="0" y="280415"/>
                  </a:moveTo>
                  <a:lnTo>
                    <a:pt x="29463" y="360299"/>
                  </a:lnTo>
                  <a:lnTo>
                    <a:pt x="69780" y="297941"/>
                  </a:lnTo>
                  <a:lnTo>
                    <a:pt x="42798" y="297941"/>
                  </a:lnTo>
                  <a:lnTo>
                    <a:pt x="30098" y="296544"/>
                  </a:lnTo>
                  <a:lnTo>
                    <a:pt x="31497" y="283903"/>
                  </a:lnTo>
                  <a:lnTo>
                    <a:pt x="0" y="280415"/>
                  </a:lnTo>
                  <a:close/>
                </a:path>
                <a:path w="99060" h="360680">
                  <a:moveTo>
                    <a:pt x="31497" y="283903"/>
                  </a:moveTo>
                  <a:lnTo>
                    <a:pt x="30098" y="296544"/>
                  </a:lnTo>
                  <a:lnTo>
                    <a:pt x="42798" y="297941"/>
                  </a:lnTo>
                  <a:lnTo>
                    <a:pt x="44189" y="285309"/>
                  </a:lnTo>
                  <a:lnTo>
                    <a:pt x="31497" y="283903"/>
                  </a:lnTo>
                  <a:close/>
                </a:path>
                <a:path w="99060" h="360680">
                  <a:moveTo>
                    <a:pt x="44189" y="285309"/>
                  </a:moveTo>
                  <a:lnTo>
                    <a:pt x="42798" y="297941"/>
                  </a:lnTo>
                  <a:lnTo>
                    <a:pt x="69780" y="297941"/>
                  </a:lnTo>
                  <a:lnTo>
                    <a:pt x="75691" y="288797"/>
                  </a:lnTo>
                  <a:lnTo>
                    <a:pt x="44189" y="285309"/>
                  </a:lnTo>
                  <a:close/>
                </a:path>
                <a:path w="99060" h="360680">
                  <a:moveTo>
                    <a:pt x="54608" y="74996"/>
                  </a:moveTo>
                  <a:lnTo>
                    <a:pt x="31497" y="283903"/>
                  </a:lnTo>
                  <a:lnTo>
                    <a:pt x="44189" y="285309"/>
                  </a:lnTo>
                  <a:lnTo>
                    <a:pt x="67189" y="76387"/>
                  </a:lnTo>
                  <a:lnTo>
                    <a:pt x="54608" y="74996"/>
                  </a:lnTo>
                  <a:close/>
                </a:path>
                <a:path w="99060" h="360680">
                  <a:moveTo>
                    <a:pt x="92313" y="62356"/>
                  </a:moveTo>
                  <a:lnTo>
                    <a:pt x="56006" y="62356"/>
                  </a:lnTo>
                  <a:lnTo>
                    <a:pt x="68579" y="63753"/>
                  </a:lnTo>
                  <a:lnTo>
                    <a:pt x="67189" y="76387"/>
                  </a:lnTo>
                  <a:lnTo>
                    <a:pt x="98805" y="79882"/>
                  </a:lnTo>
                  <a:lnTo>
                    <a:pt x="92313" y="62356"/>
                  </a:lnTo>
                  <a:close/>
                </a:path>
                <a:path w="99060" h="360680">
                  <a:moveTo>
                    <a:pt x="56006" y="62356"/>
                  </a:moveTo>
                  <a:lnTo>
                    <a:pt x="54608" y="74996"/>
                  </a:lnTo>
                  <a:lnTo>
                    <a:pt x="67189" y="76387"/>
                  </a:lnTo>
                  <a:lnTo>
                    <a:pt x="68579" y="63753"/>
                  </a:lnTo>
                  <a:lnTo>
                    <a:pt x="56006" y="62356"/>
                  </a:lnTo>
                  <a:close/>
                </a:path>
                <a:path w="99060" h="360680">
                  <a:moveTo>
                    <a:pt x="69214" y="0"/>
                  </a:moveTo>
                  <a:lnTo>
                    <a:pt x="22986" y="71500"/>
                  </a:lnTo>
                  <a:lnTo>
                    <a:pt x="54608" y="74996"/>
                  </a:lnTo>
                  <a:lnTo>
                    <a:pt x="56006" y="62356"/>
                  </a:lnTo>
                  <a:lnTo>
                    <a:pt x="92313" y="62356"/>
                  </a:lnTo>
                  <a:lnTo>
                    <a:pt x="69214" y="0"/>
                  </a:lnTo>
                  <a:close/>
                </a:path>
              </a:pathLst>
            </a:custGeom>
            <a:solidFill>
              <a:srgbClr val="000000"/>
            </a:solidFill>
          </p:spPr>
          <p:txBody>
            <a:bodyPr wrap="square" lIns="0" tIns="0" rIns="0" bIns="0" rtlCol="0"/>
            <a:lstStyle/>
            <a:p>
              <a:endParaRPr/>
            </a:p>
          </p:txBody>
        </p:sp>
      </p:grpSp>
      <p:sp>
        <p:nvSpPr>
          <p:cNvPr id="18" name="object 18"/>
          <p:cNvSpPr txBox="1"/>
          <p:nvPr/>
        </p:nvSpPr>
        <p:spPr>
          <a:xfrm>
            <a:off x="7031863" y="3894835"/>
            <a:ext cx="1397000" cy="299720"/>
          </a:xfrm>
          <a:prstGeom prst="rect">
            <a:avLst/>
          </a:prstGeom>
        </p:spPr>
        <p:txBody>
          <a:bodyPr vert="horz" wrap="square" lIns="0" tIns="12700" rIns="0" bIns="0" rtlCol="0">
            <a:spAutoFit/>
          </a:bodyPr>
          <a:lstStyle/>
          <a:p>
            <a:pPr marL="12700">
              <a:spcBef>
                <a:spcPts val="100"/>
              </a:spcBef>
            </a:pPr>
            <a:r>
              <a:rPr b="1" spc="-10" dirty="0">
                <a:solidFill>
                  <a:srgbClr val="FF0000"/>
                </a:solidFill>
                <a:latin typeface="メイリオ"/>
                <a:cs typeface="メイリオ"/>
              </a:rPr>
              <a:t>最小二乗誤差</a:t>
            </a:r>
            <a:endParaRPr>
              <a:latin typeface="メイリオ"/>
              <a:cs typeface="メイリオ"/>
            </a:endParaRPr>
          </a:p>
        </p:txBody>
      </p:sp>
      <p:sp>
        <p:nvSpPr>
          <p:cNvPr id="19" name="object 19"/>
          <p:cNvSpPr txBox="1"/>
          <p:nvPr/>
        </p:nvSpPr>
        <p:spPr>
          <a:xfrm>
            <a:off x="6170930" y="1267612"/>
            <a:ext cx="1900555" cy="784225"/>
          </a:xfrm>
          <a:prstGeom prst="rect">
            <a:avLst/>
          </a:prstGeom>
        </p:spPr>
        <p:txBody>
          <a:bodyPr vert="horz" wrap="square" lIns="0" tIns="125095" rIns="0" bIns="0" rtlCol="0">
            <a:spAutoFit/>
          </a:bodyPr>
          <a:lstStyle/>
          <a:p>
            <a:pPr marL="38100">
              <a:spcBef>
                <a:spcPts val="985"/>
              </a:spcBef>
            </a:pPr>
            <a:r>
              <a:rPr sz="1600" b="1" spc="-30" dirty="0">
                <a:solidFill>
                  <a:srgbClr val="FF0000"/>
                </a:solidFill>
                <a:latin typeface="メイリオ"/>
                <a:cs typeface="メイリオ"/>
              </a:rPr>
              <a:t>重みだけを変える！</a:t>
            </a:r>
            <a:endParaRPr sz="1600" dirty="0">
              <a:latin typeface="メイリオ"/>
              <a:cs typeface="メイリオ"/>
            </a:endParaRPr>
          </a:p>
          <a:p>
            <a:pPr marL="1068705">
              <a:spcBef>
                <a:spcPts val="1005"/>
              </a:spcBef>
            </a:pPr>
            <a:r>
              <a:rPr sz="2700" spc="-30" baseline="10802" dirty="0">
                <a:solidFill>
                  <a:srgbClr val="FF0000"/>
                </a:solidFill>
                <a:latin typeface="Cambria Math"/>
                <a:cs typeface="Cambria Math"/>
              </a:rPr>
              <a:t>𝑾</a:t>
            </a:r>
            <a:r>
              <a:rPr sz="1300" spc="-20" dirty="0">
                <a:solidFill>
                  <a:srgbClr val="FF0000"/>
                </a:solidFill>
                <a:latin typeface="Cambria Math"/>
                <a:cs typeface="Cambria Math"/>
              </a:rPr>
              <a:t>𝒐𝒖𝒕</a:t>
            </a:r>
            <a:endParaRPr sz="1300" dirty="0">
              <a:latin typeface="Cambria Math"/>
              <a:cs typeface="Cambria Math"/>
            </a:endParaRPr>
          </a:p>
        </p:txBody>
      </p:sp>
      <p:sp>
        <p:nvSpPr>
          <p:cNvPr id="20" name="object 20"/>
          <p:cNvSpPr txBox="1"/>
          <p:nvPr/>
        </p:nvSpPr>
        <p:spPr>
          <a:xfrm>
            <a:off x="6096253" y="3131676"/>
            <a:ext cx="567690" cy="300355"/>
          </a:xfrm>
          <a:prstGeom prst="rect">
            <a:avLst/>
          </a:prstGeom>
        </p:spPr>
        <p:txBody>
          <a:bodyPr vert="horz" wrap="square" lIns="0" tIns="12700" rIns="0" bIns="0" rtlCol="0">
            <a:spAutoFit/>
          </a:bodyPr>
          <a:lstStyle/>
          <a:p>
            <a:pPr marL="38100">
              <a:spcBef>
                <a:spcPts val="100"/>
              </a:spcBef>
            </a:pPr>
            <a:r>
              <a:rPr sz="2700" spc="-30" baseline="10802" dirty="0">
                <a:latin typeface="Cambria Math"/>
                <a:cs typeface="Cambria Math"/>
              </a:rPr>
              <a:t>𝑾</a:t>
            </a:r>
            <a:r>
              <a:rPr sz="1300" spc="-20" dirty="0">
                <a:latin typeface="Cambria Math"/>
                <a:cs typeface="Cambria Math"/>
              </a:rPr>
              <a:t>𝒓𝒆𝒔</a:t>
            </a:r>
            <a:endParaRPr sz="1300" dirty="0">
              <a:latin typeface="Cambria Math"/>
              <a:cs typeface="Cambria Math"/>
            </a:endParaRPr>
          </a:p>
        </p:txBody>
      </p:sp>
      <p:pic>
        <p:nvPicPr>
          <p:cNvPr id="21" name="object 21"/>
          <p:cNvPicPr/>
          <p:nvPr/>
        </p:nvPicPr>
        <p:blipFill>
          <a:blip r:embed="rId3" cstate="print"/>
          <a:stretch>
            <a:fillRect/>
          </a:stretch>
        </p:blipFill>
        <p:spPr>
          <a:xfrm>
            <a:off x="3361183" y="1228725"/>
            <a:ext cx="245237" cy="211836"/>
          </a:xfrm>
          <a:prstGeom prst="rect">
            <a:avLst/>
          </a:prstGeom>
        </p:spPr>
      </p:pic>
      <p:sp>
        <p:nvSpPr>
          <p:cNvPr id="22" name="object 22"/>
          <p:cNvSpPr txBox="1"/>
          <p:nvPr/>
        </p:nvSpPr>
        <p:spPr>
          <a:xfrm>
            <a:off x="2315261" y="1137031"/>
            <a:ext cx="1571625" cy="829310"/>
          </a:xfrm>
          <a:prstGeom prst="rect">
            <a:avLst/>
          </a:prstGeom>
        </p:spPr>
        <p:txBody>
          <a:bodyPr vert="horz" wrap="square" lIns="0" tIns="13335" rIns="0" bIns="0" rtlCol="0">
            <a:spAutoFit/>
          </a:bodyPr>
          <a:lstStyle/>
          <a:p>
            <a:pPr marL="38100">
              <a:spcBef>
                <a:spcPts val="105"/>
              </a:spcBef>
            </a:pPr>
            <a:r>
              <a:rPr sz="2000" b="1" spc="-20" dirty="0">
                <a:latin typeface="メイリオ"/>
                <a:cs typeface="メイリオ"/>
              </a:rPr>
              <a:t>入力層 </a:t>
            </a:r>
            <a:r>
              <a:rPr sz="2700" baseline="1543" dirty="0">
                <a:latin typeface="Cambria Math"/>
                <a:cs typeface="Cambria Math"/>
              </a:rPr>
              <a:t>𝒖</a:t>
            </a:r>
            <a:r>
              <a:rPr sz="2700" spc="517" baseline="1543" dirty="0">
                <a:latin typeface="Cambria Math"/>
                <a:cs typeface="Cambria Math"/>
              </a:rPr>
              <a:t> </a:t>
            </a:r>
            <a:r>
              <a:rPr sz="2700" spc="-75" baseline="1543" dirty="0">
                <a:latin typeface="Cambria Math"/>
                <a:cs typeface="Cambria Math"/>
              </a:rPr>
              <a:t>𝒕</a:t>
            </a:r>
            <a:endParaRPr sz="2700" baseline="1543" dirty="0">
              <a:latin typeface="Cambria Math"/>
              <a:cs typeface="Cambria Math"/>
            </a:endParaRPr>
          </a:p>
          <a:p>
            <a:pPr marR="30480" algn="r">
              <a:spcBef>
                <a:spcPts val="1760"/>
              </a:spcBef>
            </a:pPr>
            <a:r>
              <a:rPr sz="2700" spc="-37" baseline="10802" dirty="0">
                <a:latin typeface="Cambria Math"/>
                <a:cs typeface="Cambria Math"/>
              </a:rPr>
              <a:t>𝑾</a:t>
            </a:r>
            <a:r>
              <a:rPr sz="1300" spc="-25" dirty="0">
                <a:latin typeface="Cambria Math"/>
                <a:cs typeface="Cambria Math"/>
              </a:rPr>
              <a:t>𝒊𝒏</a:t>
            </a:r>
            <a:endParaRPr sz="1300" dirty="0">
              <a:latin typeface="Cambria Math"/>
              <a:cs typeface="Cambria Math"/>
            </a:endParaRPr>
          </a:p>
        </p:txBody>
      </p:sp>
      <p:pic>
        <p:nvPicPr>
          <p:cNvPr id="23" name="object 23"/>
          <p:cNvPicPr/>
          <p:nvPr/>
        </p:nvPicPr>
        <p:blipFill>
          <a:blip r:embed="rId4" cstate="print"/>
          <a:stretch>
            <a:fillRect/>
          </a:stretch>
        </p:blipFill>
        <p:spPr>
          <a:xfrm>
            <a:off x="9407270" y="1314450"/>
            <a:ext cx="245236" cy="211836"/>
          </a:xfrm>
          <a:prstGeom prst="rect">
            <a:avLst/>
          </a:prstGeom>
        </p:spPr>
      </p:pic>
      <p:sp>
        <p:nvSpPr>
          <p:cNvPr id="24" name="object 24"/>
          <p:cNvSpPr txBox="1"/>
          <p:nvPr/>
        </p:nvSpPr>
        <p:spPr>
          <a:xfrm>
            <a:off x="6170930" y="1129412"/>
            <a:ext cx="3446145" cy="474345"/>
          </a:xfrm>
          <a:prstGeom prst="rect">
            <a:avLst/>
          </a:prstGeom>
        </p:spPr>
        <p:txBody>
          <a:bodyPr vert="horz" wrap="square" lIns="0" tIns="12065" rIns="0" bIns="0" rtlCol="0">
            <a:spAutoFit/>
          </a:bodyPr>
          <a:lstStyle/>
          <a:p>
            <a:pPr marL="38100">
              <a:lnSpc>
                <a:spcPts val="1530"/>
              </a:lnSpc>
              <a:spcBef>
                <a:spcPts val="95"/>
              </a:spcBef>
            </a:pPr>
            <a:r>
              <a:rPr sz="1600" b="1" spc="-30" dirty="0">
                <a:solidFill>
                  <a:srgbClr val="FF0000"/>
                </a:solidFill>
                <a:latin typeface="メイリオ"/>
                <a:cs typeface="メイリオ"/>
              </a:rPr>
              <a:t>リザバーと出力の間の</a:t>
            </a:r>
            <a:endParaRPr sz="1600" dirty="0">
              <a:latin typeface="メイリオ"/>
              <a:cs typeface="メイリオ"/>
            </a:endParaRPr>
          </a:p>
          <a:p>
            <a:pPr marL="2199005">
              <a:lnSpc>
                <a:spcPts val="2010"/>
              </a:lnSpc>
            </a:pPr>
            <a:r>
              <a:rPr sz="2000" b="1" spc="60" dirty="0">
                <a:latin typeface="メイリオ"/>
                <a:cs typeface="メイリオ"/>
              </a:rPr>
              <a:t>出力層 </a:t>
            </a:r>
            <a:r>
              <a:rPr sz="2700" baseline="13888" dirty="0">
                <a:latin typeface="Cambria Math"/>
                <a:cs typeface="Cambria Math"/>
              </a:rPr>
              <a:t>𝒚</a:t>
            </a:r>
            <a:r>
              <a:rPr sz="2700" spc="532" baseline="13888" dirty="0">
                <a:latin typeface="Cambria Math"/>
                <a:cs typeface="Cambria Math"/>
              </a:rPr>
              <a:t> </a:t>
            </a:r>
            <a:r>
              <a:rPr sz="2700" spc="-75" baseline="13888" dirty="0">
                <a:latin typeface="Cambria Math"/>
                <a:cs typeface="Cambria Math"/>
              </a:rPr>
              <a:t>𝒕</a:t>
            </a:r>
            <a:endParaRPr sz="2700" baseline="13888" dirty="0">
              <a:latin typeface="Cambria Math"/>
              <a:cs typeface="Cambria Math"/>
            </a:endParaRPr>
          </a:p>
        </p:txBody>
      </p:sp>
      <p:grpSp>
        <p:nvGrpSpPr>
          <p:cNvPr id="52" name="グループ化 51">
            <a:extLst>
              <a:ext uri="{FF2B5EF4-FFF2-40B4-BE49-F238E27FC236}">
                <a16:creationId xmlns:a16="http://schemas.microsoft.com/office/drawing/2014/main" id="{BE3E9EF4-5461-887F-FF68-5DCCA0833B64}"/>
              </a:ext>
            </a:extLst>
          </p:cNvPr>
          <p:cNvGrpSpPr/>
          <p:nvPr/>
        </p:nvGrpSpPr>
        <p:grpSpPr>
          <a:xfrm>
            <a:off x="5610606" y="1139305"/>
            <a:ext cx="416687" cy="299720"/>
            <a:chOff x="5610606" y="1139305"/>
            <a:chExt cx="416687" cy="299720"/>
          </a:xfrm>
        </p:grpSpPr>
        <p:pic>
          <p:nvPicPr>
            <p:cNvPr id="25" name="object 25"/>
            <p:cNvPicPr/>
            <p:nvPr/>
          </p:nvPicPr>
          <p:blipFill>
            <a:blip r:embed="rId5" cstate="print"/>
            <a:stretch>
              <a:fillRect/>
            </a:stretch>
          </p:blipFill>
          <p:spPr>
            <a:xfrm>
              <a:off x="5782056" y="1191386"/>
              <a:ext cx="245237" cy="211836"/>
            </a:xfrm>
            <a:prstGeom prst="rect">
              <a:avLst/>
            </a:prstGeom>
          </p:spPr>
        </p:pic>
        <p:sp>
          <p:nvSpPr>
            <p:cNvPr id="26" name="object 26"/>
            <p:cNvSpPr txBox="1"/>
            <p:nvPr/>
          </p:nvSpPr>
          <p:spPr>
            <a:xfrm>
              <a:off x="5610606" y="1139305"/>
              <a:ext cx="342900" cy="299720"/>
            </a:xfrm>
            <a:prstGeom prst="rect">
              <a:avLst/>
            </a:prstGeom>
          </p:spPr>
          <p:txBody>
            <a:bodyPr vert="horz" wrap="square" lIns="0" tIns="12700" rIns="0" bIns="0" rtlCol="0">
              <a:spAutoFit/>
            </a:bodyPr>
            <a:lstStyle/>
            <a:p>
              <a:pPr marL="12700">
                <a:spcBef>
                  <a:spcPts val="100"/>
                </a:spcBef>
              </a:pPr>
              <a:r>
                <a:rPr dirty="0">
                  <a:latin typeface="Cambria Math"/>
                  <a:cs typeface="Cambria Math"/>
                </a:rPr>
                <a:t>𝒙</a:t>
              </a:r>
              <a:r>
                <a:rPr spc="355" dirty="0">
                  <a:latin typeface="Cambria Math"/>
                  <a:cs typeface="Cambria Math"/>
                </a:rPr>
                <a:t> </a:t>
              </a:r>
              <a:r>
                <a:rPr spc="-50" dirty="0">
                  <a:latin typeface="Cambria Math"/>
                  <a:cs typeface="Cambria Math"/>
                </a:rPr>
                <a:t>𝑡</a:t>
              </a:r>
              <a:endParaRPr dirty="0">
                <a:latin typeface="Cambria Math"/>
                <a:cs typeface="Cambria Math"/>
              </a:endParaRPr>
            </a:p>
          </p:txBody>
        </p:sp>
      </p:grpSp>
      <p:sp>
        <p:nvSpPr>
          <p:cNvPr id="27" name="object 27"/>
          <p:cNvSpPr txBox="1"/>
          <p:nvPr/>
        </p:nvSpPr>
        <p:spPr>
          <a:xfrm>
            <a:off x="5862828" y="4734918"/>
            <a:ext cx="5665763" cy="309572"/>
          </a:xfrm>
          <a:prstGeom prst="rect">
            <a:avLst/>
          </a:prstGeom>
        </p:spPr>
        <p:txBody>
          <a:bodyPr vert="horz" wrap="square" lIns="0" tIns="22860" rIns="0" bIns="0" rtlCol="0">
            <a:spAutoFit/>
          </a:bodyPr>
          <a:lstStyle/>
          <a:p>
            <a:pPr marL="12700" marR="5080">
              <a:lnSpc>
                <a:spcPts val="2150"/>
              </a:lnSpc>
              <a:spcBef>
                <a:spcPts val="180"/>
              </a:spcBef>
            </a:pPr>
            <a:r>
              <a:rPr dirty="0" err="1">
                <a:latin typeface="メイリオ"/>
                <a:cs typeface="メイリオ"/>
              </a:rPr>
              <a:t>線形回帰法によって</a:t>
            </a:r>
            <a:r>
              <a:rPr lang="en-US" dirty="0">
                <a:latin typeface="メイリオ"/>
                <a:cs typeface="メイリオ"/>
              </a:rPr>
              <a:t> </a:t>
            </a:r>
            <a:r>
              <a:rPr sz="2000" b="1" i="1" spc="-10" dirty="0" err="1">
                <a:latin typeface="Century Gothic"/>
                <a:cs typeface="Century Gothic"/>
              </a:rPr>
              <a:t>W</a:t>
            </a:r>
            <a:r>
              <a:rPr sz="1200" b="1" i="1" spc="-10" dirty="0" err="1">
                <a:latin typeface="Century Gothic"/>
                <a:cs typeface="Century Gothic"/>
              </a:rPr>
              <a:t>out</a:t>
            </a:r>
            <a:r>
              <a:rPr lang="en-US" sz="1200" b="1" i="1" spc="-10" dirty="0">
                <a:latin typeface="Century Gothic"/>
                <a:cs typeface="Century Gothic"/>
              </a:rPr>
              <a:t> </a:t>
            </a:r>
            <a:r>
              <a:rPr spc="-20" dirty="0" err="1">
                <a:latin typeface="メイリオ"/>
                <a:cs typeface="メイリオ"/>
              </a:rPr>
              <a:t>の値を</a:t>
            </a:r>
            <a:r>
              <a:rPr spc="-10" dirty="0" err="1">
                <a:latin typeface="メイリオ"/>
                <a:cs typeface="メイリオ"/>
              </a:rPr>
              <a:t>変更させて学習</a:t>
            </a:r>
            <a:endParaRPr dirty="0">
              <a:latin typeface="メイリオ"/>
              <a:cs typeface="メイリオ"/>
            </a:endParaRPr>
          </a:p>
        </p:txBody>
      </p:sp>
      <p:sp>
        <p:nvSpPr>
          <p:cNvPr id="28" name="object 28"/>
          <p:cNvSpPr txBox="1"/>
          <p:nvPr/>
        </p:nvSpPr>
        <p:spPr>
          <a:xfrm>
            <a:off x="1618922" y="5468020"/>
            <a:ext cx="8639810" cy="1128514"/>
          </a:xfrm>
          <a:prstGeom prst="rect">
            <a:avLst/>
          </a:prstGeom>
          <a:ln w="9144">
            <a:solidFill>
              <a:srgbClr val="5B9BD4"/>
            </a:solidFill>
          </a:ln>
        </p:spPr>
        <p:txBody>
          <a:bodyPr vert="horz" wrap="square" lIns="0" tIns="20320" rIns="0" bIns="0" rtlCol="0">
            <a:spAutoFit/>
          </a:bodyPr>
          <a:lstStyle/>
          <a:p>
            <a:pPr marL="91440">
              <a:spcBef>
                <a:spcPts val="160"/>
              </a:spcBef>
            </a:pPr>
            <a:r>
              <a:rPr b="1" u="sng" spc="-20" dirty="0">
                <a:uFill>
                  <a:solidFill>
                    <a:srgbClr val="000000"/>
                  </a:solidFill>
                </a:uFill>
                <a:latin typeface="メイリオ"/>
                <a:cs typeface="メイリオ"/>
              </a:rPr>
              <a:t>メリット</a:t>
            </a:r>
            <a:endParaRPr>
              <a:latin typeface="メイリオ"/>
              <a:cs typeface="メイリオ"/>
            </a:endParaRPr>
          </a:p>
          <a:p>
            <a:pPr marL="91440"/>
            <a:r>
              <a:rPr b="1" spc="-5" dirty="0">
                <a:latin typeface="メイリオ"/>
                <a:cs typeface="メイリオ"/>
              </a:rPr>
              <a:t>①重みを調整する箇所が少ないから学習が高速！</a:t>
            </a:r>
            <a:r>
              <a:rPr b="1" dirty="0">
                <a:latin typeface="Century Gothic"/>
                <a:cs typeface="Century Gothic"/>
              </a:rPr>
              <a:t>→</a:t>
            </a:r>
            <a:r>
              <a:rPr b="1" spc="-5" dirty="0">
                <a:solidFill>
                  <a:srgbClr val="FF0000"/>
                </a:solidFill>
                <a:latin typeface="メイリオ"/>
                <a:cs typeface="メイリオ"/>
              </a:rPr>
              <a:t>リアルタイム情報処理</a:t>
            </a:r>
            <a:endParaRPr>
              <a:latin typeface="メイリオ"/>
              <a:cs typeface="メイリオ"/>
            </a:endParaRPr>
          </a:p>
          <a:p>
            <a:pPr marL="91440"/>
            <a:r>
              <a:rPr b="1" spc="-5" dirty="0">
                <a:latin typeface="メイリオ"/>
                <a:cs typeface="メイリオ"/>
              </a:rPr>
              <a:t>②シンプルな構造なので、専用デバイス化がしやすい！</a:t>
            </a:r>
            <a:r>
              <a:rPr b="1" dirty="0">
                <a:latin typeface="Century Gothic"/>
                <a:cs typeface="Century Gothic"/>
              </a:rPr>
              <a:t>→</a:t>
            </a:r>
            <a:r>
              <a:rPr b="1" spc="60" dirty="0">
                <a:solidFill>
                  <a:srgbClr val="FF0000"/>
                </a:solidFill>
                <a:latin typeface="メイリオ"/>
                <a:cs typeface="メイリオ"/>
              </a:rPr>
              <a:t>省電力・高速化</a:t>
            </a:r>
            <a:endParaRPr>
              <a:latin typeface="メイリオ"/>
              <a:cs typeface="メイリオ"/>
            </a:endParaRPr>
          </a:p>
          <a:p>
            <a:pPr marL="91440"/>
            <a:r>
              <a:rPr b="1" dirty="0">
                <a:latin typeface="メイリオ"/>
                <a:cs typeface="メイリオ"/>
              </a:rPr>
              <a:t>③非線形・短期記憶という条件があればどんな関数でもいい</a:t>
            </a:r>
            <a:r>
              <a:rPr b="1" dirty="0">
                <a:latin typeface="Century Gothic"/>
                <a:cs typeface="Century Gothic"/>
              </a:rPr>
              <a:t>→</a:t>
            </a:r>
            <a:r>
              <a:rPr b="1" spc="-10" dirty="0">
                <a:solidFill>
                  <a:srgbClr val="FF0000"/>
                </a:solidFill>
                <a:latin typeface="メイリオ"/>
                <a:cs typeface="メイリオ"/>
              </a:rPr>
              <a:t>物理的な実装</a:t>
            </a:r>
            <a:endParaRPr>
              <a:latin typeface="メイリオ"/>
              <a:cs typeface="メイリオ"/>
            </a:endParaRPr>
          </a:p>
        </p:txBody>
      </p:sp>
      <p:sp>
        <p:nvSpPr>
          <p:cNvPr id="29" name="object 29"/>
          <p:cNvSpPr txBox="1"/>
          <p:nvPr/>
        </p:nvSpPr>
        <p:spPr>
          <a:xfrm>
            <a:off x="10258732" y="2297811"/>
            <a:ext cx="1625600" cy="299720"/>
          </a:xfrm>
          <a:prstGeom prst="rect">
            <a:avLst/>
          </a:prstGeom>
        </p:spPr>
        <p:txBody>
          <a:bodyPr vert="horz" wrap="square" lIns="0" tIns="12700" rIns="0" bIns="0" rtlCol="0">
            <a:spAutoFit/>
          </a:bodyPr>
          <a:lstStyle/>
          <a:p>
            <a:pPr marL="12700">
              <a:spcBef>
                <a:spcPts val="100"/>
              </a:spcBef>
            </a:pPr>
            <a:r>
              <a:rPr spc="-10" dirty="0">
                <a:latin typeface="メイリオ"/>
                <a:cs typeface="メイリオ"/>
              </a:rPr>
              <a:t>の重みは固定！</a:t>
            </a:r>
            <a:endParaRPr dirty="0">
              <a:latin typeface="メイリオ"/>
              <a:cs typeface="メイリオ"/>
            </a:endParaRPr>
          </a:p>
        </p:txBody>
      </p:sp>
      <p:sp>
        <p:nvSpPr>
          <p:cNvPr id="30" name="object 30"/>
          <p:cNvSpPr txBox="1"/>
          <p:nvPr/>
        </p:nvSpPr>
        <p:spPr>
          <a:xfrm>
            <a:off x="8960232" y="2305635"/>
            <a:ext cx="1268095" cy="300355"/>
          </a:xfrm>
          <a:prstGeom prst="rect">
            <a:avLst/>
          </a:prstGeom>
        </p:spPr>
        <p:txBody>
          <a:bodyPr vert="horz" wrap="square" lIns="0" tIns="12700" rIns="0" bIns="0" rtlCol="0">
            <a:spAutoFit/>
          </a:bodyPr>
          <a:lstStyle/>
          <a:p>
            <a:pPr marL="38100">
              <a:spcBef>
                <a:spcPts val="100"/>
              </a:spcBef>
            </a:pPr>
            <a:r>
              <a:rPr sz="2700" baseline="3086" dirty="0">
                <a:latin typeface="ＭＳ ゴシック"/>
                <a:cs typeface="ＭＳ ゴシック"/>
              </a:rPr>
              <a:t>※</a:t>
            </a:r>
            <a:r>
              <a:rPr sz="2700" spc="-1095" baseline="3086" dirty="0">
                <a:latin typeface="ＭＳ ゴシック"/>
                <a:cs typeface="ＭＳ ゴシック"/>
              </a:rPr>
              <a:t> </a:t>
            </a:r>
            <a:r>
              <a:rPr sz="2700" baseline="10802" dirty="0">
                <a:latin typeface="Cambria Math"/>
                <a:cs typeface="Cambria Math"/>
              </a:rPr>
              <a:t>𝑾</a:t>
            </a:r>
            <a:r>
              <a:rPr sz="1300" dirty="0">
                <a:latin typeface="Cambria Math"/>
                <a:cs typeface="Cambria Math"/>
              </a:rPr>
              <a:t>𝒊𝒏</a:t>
            </a:r>
            <a:r>
              <a:rPr sz="1300" spc="125" dirty="0">
                <a:latin typeface="Cambria Math"/>
                <a:cs typeface="Cambria Math"/>
              </a:rPr>
              <a:t> </a:t>
            </a:r>
            <a:r>
              <a:rPr sz="2700" spc="-30" baseline="13888" dirty="0">
                <a:latin typeface="Cambria Math"/>
                <a:cs typeface="Cambria Math"/>
              </a:rPr>
              <a:t>𝑾</a:t>
            </a:r>
            <a:r>
              <a:rPr sz="1950" spc="-30" baseline="2136" dirty="0">
                <a:latin typeface="Cambria Math"/>
                <a:cs typeface="Cambria Math"/>
              </a:rPr>
              <a:t>𝒓𝒆𝒔</a:t>
            </a:r>
            <a:endParaRPr sz="1950" baseline="2136" dirty="0">
              <a:latin typeface="Cambria Math"/>
              <a:cs typeface="Cambria Math"/>
            </a:endParaRPr>
          </a:p>
        </p:txBody>
      </p:sp>
      <p:grpSp>
        <p:nvGrpSpPr>
          <p:cNvPr id="31" name="object 31"/>
          <p:cNvGrpSpPr/>
          <p:nvPr/>
        </p:nvGrpSpPr>
        <p:grpSpPr>
          <a:xfrm>
            <a:off x="1706627" y="3280156"/>
            <a:ext cx="3870325" cy="1870075"/>
            <a:chOff x="182626" y="3280155"/>
            <a:chExt cx="3870325" cy="1870075"/>
          </a:xfrm>
        </p:grpSpPr>
        <p:sp>
          <p:nvSpPr>
            <p:cNvPr id="32" name="object 32"/>
            <p:cNvSpPr/>
            <p:nvPr/>
          </p:nvSpPr>
          <p:spPr>
            <a:xfrm>
              <a:off x="188976" y="3286505"/>
              <a:ext cx="3857625" cy="1857375"/>
            </a:xfrm>
            <a:custGeom>
              <a:avLst/>
              <a:gdLst/>
              <a:ahLst/>
              <a:cxnLst/>
              <a:rect l="l" t="t" r="r" b="b"/>
              <a:pathLst>
                <a:path w="3857625" h="1857375">
                  <a:moveTo>
                    <a:pt x="3589528" y="250698"/>
                  </a:moveTo>
                  <a:lnTo>
                    <a:pt x="267716" y="250698"/>
                  </a:lnTo>
                  <a:lnTo>
                    <a:pt x="219594" y="255012"/>
                  </a:lnTo>
                  <a:lnTo>
                    <a:pt x="174302" y="267450"/>
                  </a:lnTo>
                  <a:lnTo>
                    <a:pt x="132595" y="287255"/>
                  </a:lnTo>
                  <a:lnTo>
                    <a:pt x="95230" y="313670"/>
                  </a:lnTo>
                  <a:lnTo>
                    <a:pt x="62964" y="345939"/>
                  </a:lnTo>
                  <a:lnTo>
                    <a:pt x="36551" y="383304"/>
                  </a:lnTo>
                  <a:lnTo>
                    <a:pt x="16749" y="425010"/>
                  </a:lnTo>
                  <a:lnTo>
                    <a:pt x="4313" y="470298"/>
                  </a:lnTo>
                  <a:lnTo>
                    <a:pt x="0" y="518414"/>
                  </a:lnTo>
                  <a:lnTo>
                    <a:pt x="0" y="1589278"/>
                  </a:lnTo>
                  <a:lnTo>
                    <a:pt x="4313" y="1637393"/>
                  </a:lnTo>
                  <a:lnTo>
                    <a:pt x="16749" y="1682681"/>
                  </a:lnTo>
                  <a:lnTo>
                    <a:pt x="36551" y="1724387"/>
                  </a:lnTo>
                  <a:lnTo>
                    <a:pt x="62964" y="1761752"/>
                  </a:lnTo>
                  <a:lnTo>
                    <a:pt x="95230" y="1794021"/>
                  </a:lnTo>
                  <a:lnTo>
                    <a:pt x="132595" y="1820436"/>
                  </a:lnTo>
                  <a:lnTo>
                    <a:pt x="174302" y="1840241"/>
                  </a:lnTo>
                  <a:lnTo>
                    <a:pt x="219594" y="1852679"/>
                  </a:lnTo>
                  <a:lnTo>
                    <a:pt x="267716" y="1856994"/>
                  </a:lnTo>
                  <a:lnTo>
                    <a:pt x="3589528" y="1856994"/>
                  </a:lnTo>
                  <a:lnTo>
                    <a:pt x="3637643" y="1852679"/>
                  </a:lnTo>
                  <a:lnTo>
                    <a:pt x="3682931" y="1840241"/>
                  </a:lnTo>
                  <a:lnTo>
                    <a:pt x="3724637" y="1820436"/>
                  </a:lnTo>
                  <a:lnTo>
                    <a:pt x="3762002" y="1794021"/>
                  </a:lnTo>
                  <a:lnTo>
                    <a:pt x="3794271" y="1761752"/>
                  </a:lnTo>
                  <a:lnTo>
                    <a:pt x="3820686" y="1724387"/>
                  </a:lnTo>
                  <a:lnTo>
                    <a:pt x="3840491" y="1682681"/>
                  </a:lnTo>
                  <a:lnTo>
                    <a:pt x="3852929" y="1637393"/>
                  </a:lnTo>
                  <a:lnTo>
                    <a:pt x="3857244" y="1589278"/>
                  </a:lnTo>
                  <a:lnTo>
                    <a:pt x="3857244" y="518414"/>
                  </a:lnTo>
                  <a:lnTo>
                    <a:pt x="3852929" y="470298"/>
                  </a:lnTo>
                  <a:lnTo>
                    <a:pt x="3840491" y="425010"/>
                  </a:lnTo>
                  <a:lnTo>
                    <a:pt x="3820686" y="383304"/>
                  </a:lnTo>
                  <a:lnTo>
                    <a:pt x="3794271" y="345939"/>
                  </a:lnTo>
                  <a:lnTo>
                    <a:pt x="3762002" y="313670"/>
                  </a:lnTo>
                  <a:lnTo>
                    <a:pt x="3724637" y="287255"/>
                  </a:lnTo>
                  <a:lnTo>
                    <a:pt x="3682931" y="267450"/>
                  </a:lnTo>
                  <a:lnTo>
                    <a:pt x="3637643" y="255012"/>
                  </a:lnTo>
                  <a:lnTo>
                    <a:pt x="3589528" y="250698"/>
                  </a:lnTo>
                  <a:close/>
                </a:path>
                <a:path w="3857625" h="1857375">
                  <a:moveTo>
                    <a:pt x="3119120" y="0"/>
                  </a:moveTo>
                  <a:lnTo>
                    <a:pt x="2250059" y="250698"/>
                  </a:lnTo>
                  <a:lnTo>
                    <a:pt x="3214370" y="250698"/>
                  </a:lnTo>
                  <a:lnTo>
                    <a:pt x="3119120" y="0"/>
                  </a:lnTo>
                  <a:close/>
                </a:path>
              </a:pathLst>
            </a:custGeom>
            <a:solidFill>
              <a:srgbClr val="FFFFFF"/>
            </a:solidFill>
          </p:spPr>
          <p:txBody>
            <a:bodyPr wrap="square" lIns="0" tIns="0" rIns="0" bIns="0" rtlCol="0"/>
            <a:lstStyle/>
            <a:p>
              <a:endParaRPr/>
            </a:p>
          </p:txBody>
        </p:sp>
        <p:sp>
          <p:nvSpPr>
            <p:cNvPr id="33" name="object 33"/>
            <p:cNvSpPr/>
            <p:nvPr/>
          </p:nvSpPr>
          <p:spPr>
            <a:xfrm>
              <a:off x="188976" y="3286505"/>
              <a:ext cx="3857625" cy="1857375"/>
            </a:xfrm>
            <a:custGeom>
              <a:avLst/>
              <a:gdLst/>
              <a:ahLst/>
              <a:cxnLst/>
              <a:rect l="l" t="t" r="r" b="b"/>
              <a:pathLst>
                <a:path w="3857625" h="1857375">
                  <a:moveTo>
                    <a:pt x="0" y="518414"/>
                  </a:moveTo>
                  <a:lnTo>
                    <a:pt x="4313" y="470298"/>
                  </a:lnTo>
                  <a:lnTo>
                    <a:pt x="16749" y="425010"/>
                  </a:lnTo>
                  <a:lnTo>
                    <a:pt x="36551" y="383304"/>
                  </a:lnTo>
                  <a:lnTo>
                    <a:pt x="62964" y="345939"/>
                  </a:lnTo>
                  <a:lnTo>
                    <a:pt x="95230" y="313670"/>
                  </a:lnTo>
                  <a:lnTo>
                    <a:pt x="132595" y="287255"/>
                  </a:lnTo>
                  <a:lnTo>
                    <a:pt x="174302" y="267450"/>
                  </a:lnTo>
                  <a:lnTo>
                    <a:pt x="219594" y="255012"/>
                  </a:lnTo>
                  <a:lnTo>
                    <a:pt x="267716" y="250698"/>
                  </a:lnTo>
                  <a:lnTo>
                    <a:pt x="2250059" y="250698"/>
                  </a:lnTo>
                  <a:lnTo>
                    <a:pt x="3119120" y="0"/>
                  </a:lnTo>
                  <a:lnTo>
                    <a:pt x="3214370" y="250698"/>
                  </a:lnTo>
                  <a:lnTo>
                    <a:pt x="3589528" y="250698"/>
                  </a:lnTo>
                  <a:lnTo>
                    <a:pt x="3637643" y="255012"/>
                  </a:lnTo>
                  <a:lnTo>
                    <a:pt x="3682931" y="267450"/>
                  </a:lnTo>
                  <a:lnTo>
                    <a:pt x="3724637" y="287255"/>
                  </a:lnTo>
                  <a:lnTo>
                    <a:pt x="3762002" y="313670"/>
                  </a:lnTo>
                  <a:lnTo>
                    <a:pt x="3794271" y="345939"/>
                  </a:lnTo>
                  <a:lnTo>
                    <a:pt x="3820686" y="383304"/>
                  </a:lnTo>
                  <a:lnTo>
                    <a:pt x="3840491" y="425010"/>
                  </a:lnTo>
                  <a:lnTo>
                    <a:pt x="3852929" y="470298"/>
                  </a:lnTo>
                  <a:lnTo>
                    <a:pt x="3857244" y="518414"/>
                  </a:lnTo>
                  <a:lnTo>
                    <a:pt x="3857244" y="919988"/>
                  </a:lnTo>
                  <a:lnTo>
                    <a:pt x="3857244" y="1589278"/>
                  </a:lnTo>
                  <a:lnTo>
                    <a:pt x="3852929" y="1637393"/>
                  </a:lnTo>
                  <a:lnTo>
                    <a:pt x="3840491" y="1682681"/>
                  </a:lnTo>
                  <a:lnTo>
                    <a:pt x="3820686" y="1724387"/>
                  </a:lnTo>
                  <a:lnTo>
                    <a:pt x="3794271" y="1761752"/>
                  </a:lnTo>
                  <a:lnTo>
                    <a:pt x="3762002" y="1794021"/>
                  </a:lnTo>
                  <a:lnTo>
                    <a:pt x="3724637" y="1820436"/>
                  </a:lnTo>
                  <a:lnTo>
                    <a:pt x="3682931" y="1840241"/>
                  </a:lnTo>
                  <a:lnTo>
                    <a:pt x="3637643" y="1852679"/>
                  </a:lnTo>
                  <a:lnTo>
                    <a:pt x="3589528" y="1856994"/>
                  </a:lnTo>
                  <a:lnTo>
                    <a:pt x="3214370" y="1856994"/>
                  </a:lnTo>
                  <a:lnTo>
                    <a:pt x="2250059" y="1856994"/>
                  </a:lnTo>
                  <a:lnTo>
                    <a:pt x="267716" y="1856994"/>
                  </a:lnTo>
                  <a:lnTo>
                    <a:pt x="219594" y="1852679"/>
                  </a:lnTo>
                  <a:lnTo>
                    <a:pt x="174302" y="1840241"/>
                  </a:lnTo>
                  <a:lnTo>
                    <a:pt x="132595" y="1820436"/>
                  </a:lnTo>
                  <a:lnTo>
                    <a:pt x="95230" y="1794021"/>
                  </a:lnTo>
                  <a:lnTo>
                    <a:pt x="62964" y="1761752"/>
                  </a:lnTo>
                  <a:lnTo>
                    <a:pt x="36551" y="1724387"/>
                  </a:lnTo>
                  <a:lnTo>
                    <a:pt x="16749" y="1682681"/>
                  </a:lnTo>
                  <a:lnTo>
                    <a:pt x="4313" y="1637393"/>
                  </a:lnTo>
                  <a:lnTo>
                    <a:pt x="0" y="1589278"/>
                  </a:lnTo>
                  <a:lnTo>
                    <a:pt x="0" y="919988"/>
                  </a:lnTo>
                  <a:lnTo>
                    <a:pt x="0" y="518414"/>
                  </a:lnTo>
                  <a:close/>
                </a:path>
              </a:pathLst>
            </a:custGeom>
            <a:ln w="12192">
              <a:solidFill>
                <a:srgbClr val="000000"/>
              </a:solidFill>
            </a:ln>
          </p:spPr>
          <p:txBody>
            <a:bodyPr wrap="square" lIns="0" tIns="0" rIns="0" bIns="0" rtlCol="0"/>
            <a:lstStyle/>
            <a:p>
              <a:endParaRPr/>
            </a:p>
          </p:txBody>
        </p:sp>
        <p:pic>
          <p:nvPicPr>
            <p:cNvPr id="34" name="object 34"/>
            <p:cNvPicPr/>
            <p:nvPr/>
          </p:nvPicPr>
          <p:blipFill>
            <a:blip r:embed="rId6" cstate="print"/>
            <a:stretch>
              <a:fillRect/>
            </a:stretch>
          </p:blipFill>
          <p:spPr>
            <a:xfrm>
              <a:off x="644855" y="4821173"/>
              <a:ext cx="216141" cy="187832"/>
            </a:xfrm>
            <a:prstGeom prst="rect">
              <a:avLst/>
            </a:prstGeom>
          </p:spPr>
        </p:pic>
      </p:grpSp>
      <p:sp>
        <p:nvSpPr>
          <p:cNvPr id="35" name="object 35"/>
          <p:cNvSpPr txBox="1"/>
          <p:nvPr/>
        </p:nvSpPr>
        <p:spPr>
          <a:xfrm>
            <a:off x="1817929" y="3710127"/>
            <a:ext cx="2256155" cy="258404"/>
          </a:xfrm>
          <a:prstGeom prst="rect">
            <a:avLst/>
          </a:prstGeom>
        </p:spPr>
        <p:txBody>
          <a:bodyPr vert="horz" wrap="square" lIns="0" tIns="12065" rIns="0" bIns="0" rtlCol="0">
            <a:spAutoFit/>
          </a:bodyPr>
          <a:lstStyle/>
          <a:p>
            <a:pPr marL="12700">
              <a:spcBef>
                <a:spcPts val="95"/>
              </a:spcBef>
            </a:pPr>
            <a:r>
              <a:rPr sz="1600" b="1" spc="-30" dirty="0">
                <a:latin typeface="メイリオ"/>
                <a:cs typeface="メイリオ"/>
              </a:rPr>
              <a:t>リザバー内のノードは</a:t>
            </a:r>
            <a:r>
              <a:rPr sz="1600" b="1" spc="-50" dirty="0">
                <a:latin typeface="Century Gothic"/>
                <a:cs typeface="Century Gothic"/>
              </a:rPr>
              <a:t>…</a:t>
            </a:r>
            <a:endParaRPr sz="1600" dirty="0">
              <a:latin typeface="Century Gothic"/>
              <a:cs typeface="Century Gothic"/>
            </a:endParaRPr>
          </a:p>
        </p:txBody>
      </p:sp>
      <p:sp>
        <p:nvSpPr>
          <p:cNvPr id="36" name="object 36"/>
          <p:cNvSpPr txBox="1"/>
          <p:nvPr/>
        </p:nvSpPr>
        <p:spPr>
          <a:xfrm>
            <a:off x="1817928" y="3954526"/>
            <a:ext cx="1040130" cy="513080"/>
          </a:xfrm>
          <a:prstGeom prst="rect">
            <a:avLst/>
          </a:prstGeom>
        </p:spPr>
        <p:txBody>
          <a:bodyPr vert="horz" wrap="square" lIns="0" tIns="12065" rIns="0" bIns="0" rtlCol="0">
            <a:spAutoFit/>
          </a:bodyPr>
          <a:lstStyle/>
          <a:p>
            <a:pPr marL="12700">
              <a:spcBef>
                <a:spcPts val="95"/>
              </a:spcBef>
            </a:pPr>
            <a:r>
              <a:rPr sz="1600" b="1" spc="-30" dirty="0">
                <a:latin typeface="メイリオ"/>
                <a:cs typeface="メイリオ"/>
              </a:rPr>
              <a:t>・非線形性</a:t>
            </a:r>
            <a:endParaRPr sz="1600">
              <a:latin typeface="メイリオ"/>
              <a:cs typeface="メイリオ"/>
            </a:endParaRPr>
          </a:p>
          <a:p>
            <a:pPr marL="12700"/>
            <a:r>
              <a:rPr sz="1600" b="1" spc="-30" dirty="0">
                <a:latin typeface="メイリオ"/>
                <a:cs typeface="メイリオ"/>
              </a:rPr>
              <a:t>・短期記憶</a:t>
            </a:r>
            <a:endParaRPr sz="1600">
              <a:latin typeface="メイリオ"/>
              <a:cs typeface="メイリオ"/>
            </a:endParaRPr>
          </a:p>
        </p:txBody>
      </p:sp>
      <p:sp>
        <p:nvSpPr>
          <p:cNvPr id="37" name="object 37"/>
          <p:cNvSpPr txBox="1"/>
          <p:nvPr/>
        </p:nvSpPr>
        <p:spPr>
          <a:xfrm>
            <a:off x="1792528" y="4369968"/>
            <a:ext cx="3285490" cy="656590"/>
          </a:xfrm>
          <a:prstGeom prst="rect">
            <a:avLst/>
          </a:prstGeom>
        </p:spPr>
        <p:txBody>
          <a:bodyPr vert="horz" wrap="square" lIns="0" tIns="84455" rIns="0" bIns="0" rtlCol="0">
            <a:spAutoFit/>
          </a:bodyPr>
          <a:lstStyle/>
          <a:p>
            <a:pPr marL="38100">
              <a:spcBef>
                <a:spcPts val="665"/>
              </a:spcBef>
            </a:pPr>
            <a:r>
              <a:rPr sz="1600" b="1" spc="-35" dirty="0">
                <a:latin typeface="メイリオ"/>
                <a:cs typeface="メイリオ"/>
              </a:rPr>
              <a:t>・ノードごとに形が違う</a:t>
            </a:r>
            <a:endParaRPr sz="1600" dirty="0">
              <a:latin typeface="メイリオ"/>
              <a:cs typeface="メイリオ"/>
            </a:endParaRPr>
          </a:p>
          <a:p>
            <a:pPr marL="241300">
              <a:spcBef>
                <a:spcPts val="560"/>
              </a:spcBef>
              <a:tabLst>
                <a:tab pos="669290" algn="l"/>
              </a:tabLst>
            </a:pPr>
            <a:r>
              <a:rPr sz="1600" dirty="0">
                <a:latin typeface="Cambria Math"/>
                <a:cs typeface="Cambria Math"/>
              </a:rPr>
              <a:t>𝒙</a:t>
            </a:r>
            <a:r>
              <a:rPr sz="1600" spc="295" dirty="0">
                <a:latin typeface="Cambria Math"/>
                <a:cs typeface="Cambria Math"/>
              </a:rPr>
              <a:t> </a:t>
            </a:r>
            <a:r>
              <a:rPr sz="1600" spc="-50" dirty="0">
                <a:latin typeface="Cambria Math"/>
                <a:cs typeface="Cambria Math"/>
              </a:rPr>
              <a:t>𝑡</a:t>
            </a:r>
            <a:r>
              <a:rPr sz="1600" dirty="0">
                <a:latin typeface="Cambria Math"/>
                <a:cs typeface="Cambria Math"/>
              </a:rPr>
              <a:t>	=</a:t>
            </a:r>
            <a:r>
              <a:rPr sz="1600" spc="114" dirty="0">
                <a:latin typeface="Cambria Math"/>
                <a:cs typeface="Cambria Math"/>
              </a:rPr>
              <a:t> </a:t>
            </a:r>
            <a:r>
              <a:rPr sz="1600" dirty="0">
                <a:latin typeface="Cambria Math"/>
                <a:cs typeface="Cambria Math"/>
              </a:rPr>
              <a:t>𝑓(𝑾</a:t>
            </a:r>
            <a:r>
              <a:rPr sz="1725" baseline="-14492" dirty="0">
                <a:latin typeface="Cambria Math"/>
                <a:cs typeface="Cambria Math"/>
              </a:rPr>
              <a:t>𝒊𝒏</a:t>
            </a:r>
            <a:r>
              <a:rPr sz="1600" dirty="0">
                <a:latin typeface="Cambria Math"/>
                <a:cs typeface="Cambria Math"/>
              </a:rPr>
              <a:t>𝒖(𝑡)</a:t>
            </a:r>
            <a:r>
              <a:rPr sz="1600" spc="20" dirty="0">
                <a:latin typeface="Cambria Math"/>
                <a:cs typeface="Cambria Math"/>
              </a:rPr>
              <a:t> </a:t>
            </a:r>
            <a:r>
              <a:rPr sz="1600" dirty="0">
                <a:latin typeface="Cambria Math"/>
                <a:cs typeface="Cambria Math"/>
              </a:rPr>
              <a:t>+</a:t>
            </a:r>
            <a:r>
              <a:rPr sz="1600" spc="20" dirty="0">
                <a:latin typeface="Cambria Math"/>
                <a:cs typeface="Cambria Math"/>
              </a:rPr>
              <a:t> </a:t>
            </a:r>
            <a:r>
              <a:rPr sz="1600" dirty="0">
                <a:latin typeface="Cambria Math"/>
                <a:cs typeface="Cambria Math"/>
              </a:rPr>
              <a:t>𝑾</a:t>
            </a:r>
            <a:r>
              <a:rPr sz="1725" baseline="-14492" dirty="0">
                <a:latin typeface="Cambria Math"/>
                <a:cs typeface="Cambria Math"/>
              </a:rPr>
              <a:t>𝒓𝒆</a:t>
            </a:r>
            <a:r>
              <a:rPr sz="1600" dirty="0">
                <a:latin typeface="Cambria Math"/>
                <a:cs typeface="Cambria Math"/>
              </a:rPr>
              <a:t>𝒙(𝑡</a:t>
            </a:r>
            <a:r>
              <a:rPr sz="1600" spc="70" dirty="0">
                <a:latin typeface="Cambria Math"/>
                <a:cs typeface="Cambria Math"/>
              </a:rPr>
              <a:t> </a:t>
            </a:r>
            <a:r>
              <a:rPr sz="1600" dirty="0">
                <a:latin typeface="Cambria Math"/>
                <a:cs typeface="Cambria Math"/>
              </a:rPr>
              <a:t>−</a:t>
            </a:r>
            <a:r>
              <a:rPr sz="1600" spc="30" dirty="0">
                <a:latin typeface="Cambria Math"/>
                <a:cs typeface="Cambria Math"/>
              </a:rPr>
              <a:t> </a:t>
            </a:r>
            <a:r>
              <a:rPr sz="1600" spc="-25" dirty="0">
                <a:latin typeface="Cambria Math"/>
                <a:cs typeface="Cambria Math"/>
              </a:rPr>
              <a:t>1))</a:t>
            </a:r>
            <a:endParaRPr sz="1600" dirty="0">
              <a:latin typeface="Cambria Math"/>
              <a:cs typeface="Cambria Math"/>
            </a:endParaRPr>
          </a:p>
        </p:txBody>
      </p:sp>
      <p:grpSp>
        <p:nvGrpSpPr>
          <p:cNvPr id="38" name="object 38"/>
          <p:cNvGrpSpPr/>
          <p:nvPr/>
        </p:nvGrpSpPr>
        <p:grpSpPr>
          <a:xfrm>
            <a:off x="4250435" y="3750565"/>
            <a:ext cx="944244" cy="757555"/>
            <a:chOff x="2726435" y="3750564"/>
            <a:chExt cx="944244" cy="757555"/>
          </a:xfrm>
        </p:grpSpPr>
        <p:sp>
          <p:nvSpPr>
            <p:cNvPr id="39" name="object 39"/>
            <p:cNvSpPr/>
            <p:nvPr/>
          </p:nvSpPr>
          <p:spPr>
            <a:xfrm>
              <a:off x="2726436" y="3750563"/>
              <a:ext cx="944244" cy="757555"/>
            </a:xfrm>
            <a:custGeom>
              <a:avLst/>
              <a:gdLst/>
              <a:ahLst/>
              <a:cxnLst/>
              <a:rect l="l" t="t" r="r" b="b"/>
              <a:pathLst>
                <a:path w="944245" h="757554">
                  <a:moveTo>
                    <a:pt x="944245" y="425196"/>
                  </a:moveTo>
                  <a:lnTo>
                    <a:pt x="931545" y="418846"/>
                  </a:lnTo>
                  <a:lnTo>
                    <a:pt x="868045" y="387096"/>
                  </a:lnTo>
                  <a:lnTo>
                    <a:pt x="868045" y="418846"/>
                  </a:lnTo>
                  <a:lnTo>
                    <a:pt x="446747" y="418846"/>
                  </a:lnTo>
                  <a:lnTo>
                    <a:pt x="445554" y="76327"/>
                  </a:lnTo>
                  <a:lnTo>
                    <a:pt x="477393" y="76327"/>
                  </a:lnTo>
                  <a:lnTo>
                    <a:pt x="470916" y="63500"/>
                  </a:lnTo>
                  <a:lnTo>
                    <a:pt x="438912" y="0"/>
                  </a:lnTo>
                  <a:lnTo>
                    <a:pt x="401066" y="76327"/>
                  </a:lnTo>
                  <a:lnTo>
                    <a:pt x="432854" y="76327"/>
                  </a:lnTo>
                  <a:lnTo>
                    <a:pt x="434047" y="418846"/>
                  </a:lnTo>
                  <a:lnTo>
                    <a:pt x="0" y="418846"/>
                  </a:lnTo>
                  <a:lnTo>
                    <a:pt x="0" y="431546"/>
                  </a:lnTo>
                  <a:lnTo>
                    <a:pt x="434086" y="431546"/>
                  </a:lnTo>
                  <a:lnTo>
                    <a:pt x="435229" y="757174"/>
                  </a:lnTo>
                  <a:lnTo>
                    <a:pt x="447929" y="757174"/>
                  </a:lnTo>
                  <a:lnTo>
                    <a:pt x="446786" y="431546"/>
                  </a:lnTo>
                  <a:lnTo>
                    <a:pt x="868045" y="431546"/>
                  </a:lnTo>
                  <a:lnTo>
                    <a:pt x="868045" y="463296"/>
                  </a:lnTo>
                  <a:lnTo>
                    <a:pt x="931545" y="431546"/>
                  </a:lnTo>
                  <a:lnTo>
                    <a:pt x="944245" y="425196"/>
                  </a:lnTo>
                  <a:close/>
                </a:path>
              </a:pathLst>
            </a:custGeom>
            <a:solidFill>
              <a:srgbClr val="000000"/>
            </a:solidFill>
          </p:spPr>
          <p:txBody>
            <a:bodyPr wrap="square" lIns="0" tIns="0" rIns="0" bIns="0" rtlCol="0"/>
            <a:lstStyle/>
            <a:p>
              <a:endParaRPr/>
            </a:p>
          </p:txBody>
        </p:sp>
        <p:sp>
          <p:nvSpPr>
            <p:cNvPr id="40" name="object 40"/>
            <p:cNvSpPr/>
            <p:nvPr/>
          </p:nvSpPr>
          <p:spPr>
            <a:xfrm>
              <a:off x="2766821" y="3946398"/>
              <a:ext cx="789305" cy="513080"/>
            </a:xfrm>
            <a:custGeom>
              <a:avLst/>
              <a:gdLst/>
              <a:ahLst/>
              <a:cxnLst/>
              <a:rect l="l" t="t" r="r" b="b"/>
              <a:pathLst>
                <a:path w="789304" h="513079">
                  <a:moveTo>
                    <a:pt x="0" y="513079"/>
                  </a:moveTo>
                  <a:lnTo>
                    <a:pt x="53673" y="509996"/>
                  </a:lnTo>
                  <a:lnTo>
                    <a:pt x="106452" y="501129"/>
                  </a:lnTo>
                  <a:lnTo>
                    <a:pt x="157448" y="487059"/>
                  </a:lnTo>
                  <a:lnTo>
                    <a:pt x="205771" y="468363"/>
                  </a:lnTo>
                  <a:lnTo>
                    <a:pt x="250534" y="445620"/>
                  </a:lnTo>
                  <a:lnTo>
                    <a:pt x="290849" y="419407"/>
                  </a:lnTo>
                  <a:lnTo>
                    <a:pt x="325826" y="390303"/>
                  </a:lnTo>
                  <a:lnTo>
                    <a:pt x="354577" y="358886"/>
                  </a:lnTo>
                  <a:lnTo>
                    <a:pt x="376213" y="325734"/>
                  </a:lnTo>
                  <a:lnTo>
                    <a:pt x="394588" y="256539"/>
                  </a:lnTo>
                  <a:lnTo>
                    <a:pt x="399333" y="221653"/>
                  </a:lnTo>
                  <a:lnTo>
                    <a:pt x="434624" y="154193"/>
                  </a:lnTo>
                  <a:lnTo>
                    <a:pt x="463389" y="122776"/>
                  </a:lnTo>
                  <a:lnTo>
                    <a:pt x="498383" y="93672"/>
                  </a:lnTo>
                  <a:lnTo>
                    <a:pt x="538715" y="67459"/>
                  </a:lnTo>
                  <a:lnTo>
                    <a:pt x="583495" y="44716"/>
                  </a:lnTo>
                  <a:lnTo>
                    <a:pt x="631833" y="26020"/>
                  </a:lnTo>
                  <a:lnTo>
                    <a:pt x="682841" y="11950"/>
                  </a:lnTo>
                  <a:lnTo>
                    <a:pt x="735628" y="3083"/>
                  </a:lnTo>
                  <a:lnTo>
                    <a:pt x="789304" y="0"/>
                  </a:lnTo>
                </a:path>
              </a:pathLst>
            </a:custGeom>
            <a:ln w="28955">
              <a:solidFill>
                <a:srgbClr val="5B9BD4"/>
              </a:solidFill>
            </a:ln>
          </p:spPr>
          <p:txBody>
            <a:bodyPr wrap="square" lIns="0" tIns="0" rIns="0" bIns="0" rtlCol="0"/>
            <a:lstStyle/>
            <a:p>
              <a:endParaRPr/>
            </a:p>
          </p:txBody>
        </p:sp>
      </p:grpSp>
      <p:sp>
        <p:nvSpPr>
          <p:cNvPr id="41" name="object 41"/>
          <p:cNvSpPr txBox="1"/>
          <p:nvPr/>
        </p:nvSpPr>
        <p:spPr>
          <a:xfrm>
            <a:off x="3581146" y="4022597"/>
            <a:ext cx="553085" cy="330200"/>
          </a:xfrm>
          <a:prstGeom prst="rect">
            <a:avLst/>
          </a:prstGeom>
        </p:spPr>
        <p:txBody>
          <a:bodyPr vert="horz" wrap="square" lIns="0" tIns="12065" rIns="0" bIns="0" rtlCol="0">
            <a:spAutoFit/>
          </a:bodyPr>
          <a:lstStyle/>
          <a:p>
            <a:pPr marL="12700">
              <a:spcBef>
                <a:spcPts val="95"/>
              </a:spcBef>
            </a:pPr>
            <a:r>
              <a:rPr sz="1000" b="1" spc="-10" dirty="0">
                <a:latin typeface="メイリオ"/>
                <a:cs typeface="メイリオ"/>
              </a:rPr>
              <a:t>例</a:t>
            </a:r>
            <a:r>
              <a:rPr sz="1000" b="1" spc="-50" dirty="0">
                <a:latin typeface="Century Gothic"/>
                <a:cs typeface="Century Gothic"/>
              </a:rPr>
              <a:t>:</a:t>
            </a:r>
            <a:endParaRPr sz="1000">
              <a:latin typeface="Century Gothic"/>
              <a:cs typeface="Century Gothic"/>
            </a:endParaRPr>
          </a:p>
          <a:p>
            <a:pPr marL="12700"/>
            <a:r>
              <a:rPr sz="1000" b="1" spc="-10" dirty="0">
                <a:latin typeface="Century Gothic"/>
                <a:cs typeface="Century Gothic"/>
              </a:rPr>
              <a:t>tanh</a:t>
            </a:r>
            <a:r>
              <a:rPr sz="1000" b="1" spc="-40" dirty="0">
                <a:latin typeface="メイリオ"/>
                <a:cs typeface="メイリオ"/>
              </a:rPr>
              <a:t>関数</a:t>
            </a:r>
            <a:endParaRPr sz="1000">
              <a:latin typeface="メイリオ"/>
              <a:cs typeface="メイリオ"/>
            </a:endParaRPr>
          </a:p>
        </p:txBody>
      </p:sp>
      <p:grpSp>
        <p:nvGrpSpPr>
          <p:cNvPr id="43" name="object 43"/>
          <p:cNvGrpSpPr/>
          <p:nvPr/>
        </p:nvGrpSpPr>
        <p:grpSpPr>
          <a:xfrm>
            <a:off x="8982457" y="4198620"/>
            <a:ext cx="338455" cy="128270"/>
            <a:chOff x="7458456" y="4198620"/>
            <a:chExt cx="338455" cy="128270"/>
          </a:xfrm>
        </p:grpSpPr>
        <p:sp>
          <p:nvSpPr>
            <p:cNvPr id="44" name="object 44"/>
            <p:cNvSpPr/>
            <p:nvPr/>
          </p:nvSpPr>
          <p:spPr>
            <a:xfrm>
              <a:off x="7464552" y="4204716"/>
              <a:ext cx="326390" cy="116205"/>
            </a:xfrm>
            <a:custGeom>
              <a:avLst/>
              <a:gdLst/>
              <a:ahLst/>
              <a:cxnLst/>
              <a:rect l="l" t="t" r="r" b="b"/>
              <a:pathLst>
                <a:path w="326390" h="116204">
                  <a:moveTo>
                    <a:pt x="57912" y="0"/>
                  </a:moveTo>
                  <a:lnTo>
                    <a:pt x="0" y="57911"/>
                  </a:lnTo>
                  <a:lnTo>
                    <a:pt x="57912" y="115823"/>
                  </a:lnTo>
                  <a:lnTo>
                    <a:pt x="57912" y="86867"/>
                  </a:lnTo>
                  <a:lnTo>
                    <a:pt x="326136" y="86867"/>
                  </a:lnTo>
                  <a:lnTo>
                    <a:pt x="326136" y="28955"/>
                  </a:lnTo>
                  <a:lnTo>
                    <a:pt x="57912" y="28955"/>
                  </a:lnTo>
                  <a:lnTo>
                    <a:pt x="57912" y="0"/>
                  </a:lnTo>
                  <a:close/>
                </a:path>
              </a:pathLst>
            </a:custGeom>
            <a:solidFill>
              <a:srgbClr val="000000"/>
            </a:solidFill>
          </p:spPr>
          <p:txBody>
            <a:bodyPr wrap="square" lIns="0" tIns="0" rIns="0" bIns="0" rtlCol="0"/>
            <a:lstStyle/>
            <a:p>
              <a:endParaRPr/>
            </a:p>
          </p:txBody>
        </p:sp>
        <p:sp>
          <p:nvSpPr>
            <p:cNvPr id="45" name="object 45"/>
            <p:cNvSpPr/>
            <p:nvPr/>
          </p:nvSpPr>
          <p:spPr>
            <a:xfrm>
              <a:off x="7464552" y="4204716"/>
              <a:ext cx="326390" cy="116205"/>
            </a:xfrm>
            <a:custGeom>
              <a:avLst/>
              <a:gdLst/>
              <a:ahLst/>
              <a:cxnLst/>
              <a:rect l="l" t="t" r="r" b="b"/>
              <a:pathLst>
                <a:path w="326390" h="116204">
                  <a:moveTo>
                    <a:pt x="57912" y="0"/>
                  </a:moveTo>
                  <a:lnTo>
                    <a:pt x="57912" y="28955"/>
                  </a:lnTo>
                  <a:lnTo>
                    <a:pt x="326136" y="28955"/>
                  </a:lnTo>
                  <a:lnTo>
                    <a:pt x="326136" y="86867"/>
                  </a:lnTo>
                  <a:lnTo>
                    <a:pt x="57912" y="86867"/>
                  </a:lnTo>
                  <a:lnTo>
                    <a:pt x="57912" y="115823"/>
                  </a:lnTo>
                  <a:lnTo>
                    <a:pt x="0" y="57911"/>
                  </a:lnTo>
                  <a:lnTo>
                    <a:pt x="57912" y="0"/>
                  </a:lnTo>
                  <a:close/>
                </a:path>
              </a:pathLst>
            </a:custGeom>
            <a:ln w="12192">
              <a:solidFill>
                <a:srgbClr val="000000"/>
              </a:solidFill>
            </a:ln>
          </p:spPr>
          <p:txBody>
            <a:bodyPr wrap="square" lIns="0" tIns="0" rIns="0" bIns="0" rtlCol="0"/>
            <a:lstStyle/>
            <a:p>
              <a:endParaRPr/>
            </a:p>
          </p:txBody>
        </p:sp>
      </p:grpSp>
      <p:sp>
        <p:nvSpPr>
          <p:cNvPr id="46" name="object 46"/>
          <p:cNvSpPr txBox="1"/>
          <p:nvPr/>
        </p:nvSpPr>
        <p:spPr>
          <a:xfrm>
            <a:off x="9052686" y="3581780"/>
            <a:ext cx="1306830" cy="783590"/>
          </a:xfrm>
          <a:prstGeom prst="rect">
            <a:avLst/>
          </a:prstGeom>
        </p:spPr>
        <p:txBody>
          <a:bodyPr vert="horz" wrap="square" lIns="0" tIns="12700" rIns="0" bIns="0" rtlCol="0">
            <a:spAutoFit/>
          </a:bodyPr>
          <a:lstStyle/>
          <a:p>
            <a:pPr marL="12700">
              <a:spcBef>
                <a:spcPts val="100"/>
              </a:spcBef>
            </a:pPr>
            <a:r>
              <a:rPr b="1" spc="-25" dirty="0">
                <a:latin typeface="メイリオ"/>
                <a:cs typeface="メイリオ"/>
              </a:rPr>
              <a:t>比較</a:t>
            </a:r>
            <a:endParaRPr>
              <a:latin typeface="メイリオ"/>
              <a:cs typeface="メイリオ"/>
            </a:endParaRPr>
          </a:p>
          <a:p>
            <a:pPr marL="379095">
              <a:spcBef>
                <a:spcPts val="1645"/>
              </a:spcBef>
            </a:pPr>
            <a:r>
              <a:rPr spc="-15" dirty="0">
                <a:latin typeface="メイリオ"/>
                <a:cs typeface="メイリオ"/>
              </a:rPr>
              <a:t>教師信号</a:t>
            </a:r>
            <a:endParaRPr>
              <a:latin typeface="メイリオ"/>
              <a:cs typeface="メイリオ"/>
            </a:endParaRPr>
          </a:p>
        </p:txBody>
      </p:sp>
      <p:sp>
        <p:nvSpPr>
          <p:cNvPr id="47" name="object 47"/>
          <p:cNvSpPr txBox="1"/>
          <p:nvPr/>
        </p:nvSpPr>
        <p:spPr>
          <a:xfrm>
            <a:off x="10374072" y="4030697"/>
            <a:ext cx="875030" cy="299720"/>
          </a:xfrm>
          <a:prstGeom prst="rect">
            <a:avLst/>
          </a:prstGeom>
        </p:spPr>
        <p:txBody>
          <a:bodyPr vert="horz" wrap="square" lIns="0" tIns="12700" rIns="0" bIns="0" rtlCol="0">
            <a:spAutoFit/>
          </a:bodyPr>
          <a:lstStyle/>
          <a:p>
            <a:pPr marL="12700">
              <a:spcBef>
                <a:spcPts val="100"/>
              </a:spcBef>
            </a:pPr>
            <a:r>
              <a:rPr spc="-45" dirty="0">
                <a:latin typeface="Century Gothic"/>
                <a:cs typeface="Century Gothic"/>
              </a:rPr>
              <a:t>(</a:t>
            </a:r>
            <a:r>
              <a:rPr dirty="0">
                <a:latin typeface="メイリオ"/>
                <a:cs typeface="メイリオ"/>
              </a:rPr>
              <a:t>お手本</a:t>
            </a:r>
            <a:r>
              <a:rPr spc="-50" dirty="0">
                <a:latin typeface="Century Gothic"/>
                <a:cs typeface="Century Gothic"/>
              </a:rPr>
              <a:t>)</a:t>
            </a:r>
            <a:endParaRPr dirty="0">
              <a:latin typeface="Century Gothic"/>
              <a:cs typeface="Century Gothic"/>
            </a:endParaRPr>
          </a:p>
        </p:txBody>
      </p:sp>
      <p:sp>
        <p:nvSpPr>
          <p:cNvPr id="51" name="正方形/長方形 50">
            <a:extLst>
              <a:ext uri="{FF2B5EF4-FFF2-40B4-BE49-F238E27FC236}">
                <a16:creationId xmlns:a16="http://schemas.microsoft.com/office/drawing/2014/main" id="{ECDAD03A-AC0D-06A4-C39E-46F49B2E8099}"/>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リザーバー計算機の仕組み</a:t>
            </a:r>
          </a:p>
        </p:txBody>
      </p:sp>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object 4"/>
          <p:cNvPicPr/>
          <p:nvPr/>
        </p:nvPicPr>
        <p:blipFill>
          <a:blip r:embed="rId2" cstate="print"/>
          <a:stretch>
            <a:fillRect/>
          </a:stretch>
        </p:blipFill>
        <p:spPr>
          <a:xfrm>
            <a:off x="3063747" y="1663914"/>
            <a:ext cx="5690108" cy="2367340"/>
          </a:xfrm>
          <a:prstGeom prst="rect">
            <a:avLst/>
          </a:prstGeom>
        </p:spPr>
      </p:pic>
      <p:sp>
        <p:nvSpPr>
          <p:cNvPr id="5" name="object 5"/>
          <p:cNvSpPr txBox="1"/>
          <p:nvPr/>
        </p:nvSpPr>
        <p:spPr>
          <a:xfrm>
            <a:off x="4698873" y="929462"/>
            <a:ext cx="1297940" cy="331470"/>
          </a:xfrm>
          <a:prstGeom prst="rect">
            <a:avLst/>
          </a:prstGeom>
        </p:spPr>
        <p:txBody>
          <a:bodyPr vert="horz" wrap="square" lIns="0" tIns="13335" rIns="0" bIns="0" rtlCol="0">
            <a:spAutoFit/>
          </a:bodyPr>
          <a:lstStyle/>
          <a:p>
            <a:pPr marL="12700">
              <a:spcBef>
                <a:spcPts val="105"/>
              </a:spcBef>
            </a:pPr>
            <a:r>
              <a:rPr sz="2000" b="1" spc="-20" dirty="0">
                <a:latin typeface="メイリオ"/>
                <a:cs typeface="メイリオ"/>
              </a:rPr>
              <a:t>リザバー層</a:t>
            </a:r>
            <a:endParaRPr sz="2000">
              <a:latin typeface="メイリオ"/>
              <a:cs typeface="メイリオ"/>
            </a:endParaRPr>
          </a:p>
        </p:txBody>
      </p:sp>
      <p:sp>
        <p:nvSpPr>
          <p:cNvPr id="6" name="object 6"/>
          <p:cNvSpPr txBox="1"/>
          <p:nvPr/>
        </p:nvSpPr>
        <p:spPr>
          <a:xfrm>
            <a:off x="4698873" y="1234821"/>
            <a:ext cx="1297940" cy="330835"/>
          </a:xfrm>
          <a:prstGeom prst="rect">
            <a:avLst/>
          </a:prstGeom>
        </p:spPr>
        <p:txBody>
          <a:bodyPr vert="horz" wrap="square" lIns="0" tIns="13335" rIns="0" bIns="0" rtlCol="0">
            <a:spAutoFit/>
          </a:bodyPr>
          <a:lstStyle/>
          <a:p>
            <a:pPr marL="12700">
              <a:spcBef>
                <a:spcPts val="105"/>
              </a:spcBef>
            </a:pPr>
            <a:r>
              <a:rPr sz="2000" b="1" dirty="0">
                <a:latin typeface="メイリオ"/>
                <a:cs typeface="メイリオ"/>
              </a:rPr>
              <a:t>（ため池</a:t>
            </a:r>
            <a:r>
              <a:rPr sz="2000" b="1" spc="-50" dirty="0">
                <a:latin typeface="メイリオ"/>
                <a:cs typeface="メイリオ"/>
              </a:rPr>
              <a:t>）</a:t>
            </a:r>
            <a:endParaRPr sz="2000">
              <a:latin typeface="メイリオ"/>
              <a:cs typeface="メイリオ"/>
            </a:endParaRPr>
          </a:p>
        </p:txBody>
      </p:sp>
      <p:grpSp>
        <p:nvGrpSpPr>
          <p:cNvPr id="7" name="object 7"/>
          <p:cNvGrpSpPr/>
          <p:nvPr/>
        </p:nvGrpSpPr>
        <p:grpSpPr>
          <a:xfrm>
            <a:off x="5699253" y="2143251"/>
            <a:ext cx="3161284" cy="2360294"/>
            <a:chOff x="4175252" y="2143251"/>
            <a:chExt cx="3161284" cy="2360294"/>
          </a:xfrm>
        </p:grpSpPr>
        <p:sp>
          <p:nvSpPr>
            <p:cNvPr id="8" name="object 8"/>
            <p:cNvSpPr/>
            <p:nvPr/>
          </p:nvSpPr>
          <p:spPr>
            <a:xfrm>
              <a:off x="6925056" y="4058411"/>
              <a:ext cx="411480" cy="445134"/>
            </a:xfrm>
            <a:custGeom>
              <a:avLst/>
              <a:gdLst/>
              <a:ahLst/>
              <a:cxnLst/>
              <a:rect l="l" t="t" r="r" b="b"/>
              <a:pathLst>
                <a:path w="411479" h="445135">
                  <a:moveTo>
                    <a:pt x="0" y="222504"/>
                  </a:moveTo>
                  <a:lnTo>
                    <a:pt x="5431" y="171469"/>
                  </a:lnTo>
                  <a:lnTo>
                    <a:pt x="20905" y="124630"/>
                  </a:lnTo>
                  <a:lnTo>
                    <a:pt x="45186" y="83317"/>
                  </a:lnTo>
                  <a:lnTo>
                    <a:pt x="77044" y="48865"/>
                  </a:lnTo>
                  <a:lnTo>
                    <a:pt x="115244" y="22606"/>
                  </a:lnTo>
                  <a:lnTo>
                    <a:pt x="158553" y="5873"/>
                  </a:lnTo>
                  <a:lnTo>
                    <a:pt x="205740" y="0"/>
                  </a:lnTo>
                  <a:lnTo>
                    <a:pt x="252926" y="5873"/>
                  </a:lnTo>
                  <a:lnTo>
                    <a:pt x="296235" y="22606"/>
                  </a:lnTo>
                  <a:lnTo>
                    <a:pt x="334435" y="48865"/>
                  </a:lnTo>
                  <a:lnTo>
                    <a:pt x="366293" y="83317"/>
                  </a:lnTo>
                  <a:lnTo>
                    <a:pt x="390574" y="124630"/>
                  </a:lnTo>
                  <a:lnTo>
                    <a:pt x="406048" y="171469"/>
                  </a:lnTo>
                  <a:lnTo>
                    <a:pt x="411479" y="222504"/>
                  </a:lnTo>
                  <a:lnTo>
                    <a:pt x="406048" y="273538"/>
                  </a:lnTo>
                  <a:lnTo>
                    <a:pt x="390574" y="320377"/>
                  </a:lnTo>
                  <a:lnTo>
                    <a:pt x="366293" y="361690"/>
                  </a:lnTo>
                  <a:lnTo>
                    <a:pt x="334435" y="396142"/>
                  </a:lnTo>
                  <a:lnTo>
                    <a:pt x="296235" y="422401"/>
                  </a:lnTo>
                  <a:lnTo>
                    <a:pt x="252926" y="439134"/>
                  </a:lnTo>
                  <a:lnTo>
                    <a:pt x="205740" y="445007"/>
                  </a:lnTo>
                  <a:lnTo>
                    <a:pt x="158553" y="439134"/>
                  </a:lnTo>
                  <a:lnTo>
                    <a:pt x="115244" y="422401"/>
                  </a:lnTo>
                  <a:lnTo>
                    <a:pt x="77044" y="396142"/>
                  </a:lnTo>
                  <a:lnTo>
                    <a:pt x="45186" y="361690"/>
                  </a:lnTo>
                  <a:lnTo>
                    <a:pt x="20905" y="320377"/>
                  </a:lnTo>
                  <a:lnTo>
                    <a:pt x="5431" y="273538"/>
                  </a:lnTo>
                  <a:lnTo>
                    <a:pt x="0" y="222504"/>
                  </a:lnTo>
                  <a:close/>
                </a:path>
              </a:pathLst>
            </a:custGeom>
            <a:ln w="12192">
              <a:solidFill>
                <a:srgbClr val="000000"/>
              </a:solidFill>
            </a:ln>
          </p:spPr>
          <p:txBody>
            <a:bodyPr wrap="square" lIns="0" tIns="0" rIns="0" bIns="0" rtlCol="0"/>
            <a:lstStyle/>
            <a:p>
              <a:endParaRPr/>
            </a:p>
          </p:txBody>
        </p:sp>
        <p:sp>
          <p:nvSpPr>
            <p:cNvPr id="9" name="object 9"/>
            <p:cNvSpPr/>
            <p:nvPr/>
          </p:nvSpPr>
          <p:spPr>
            <a:xfrm>
              <a:off x="7041388" y="4254404"/>
              <a:ext cx="197485" cy="41275"/>
            </a:xfrm>
            <a:custGeom>
              <a:avLst/>
              <a:gdLst/>
              <a:ahLst/>
              <a:cxnLst/>
              <a:rect l="l" t="t" r="r" b="b"/>
              <a:pathLst>
                <a:path w="197484" h="41275">
                  <a:moveTo>
                    <a:pt x="197116" y="0"/>
                  </a:moveTo>
                  <a:lnTo>
                    <a:pt x="0" y="0"/>
                  </a:lnTo>
                  <a:lnTo>
                    <a:pt x="0" y="40862"/>
                  </a:lnTo>
                  <a:lnTo>
                    <a:pt x="197116" y="40862"/>
                  </a:lnTo>
                  <a:lnTo>
                    <a:pt x="197116" y="0"/>
                  </a:lnTo>
                  <a:close/>
                </a:path>
              </a:pathLst>
            </a:custGeom>
            <a:solidFill>
              <a:srgbClr val="000000"/>
            </a:solidFill>
          </p:spPr>
          <p:txBody>
            <a:bodyPr wrap="square" lIns="0" tIns="0" rIns="0" bIns="0" rtlCol="0"/>
            <a:lstStyle/>
            <a:p>
              <a:endParaRPr/>
            </a:p>
          </p:txBody>
        </p:sp>
        <p:sp>
          <p:nvSpPr>
            <p:cNvPr id="10" name="object 10"/>
            <p:cNvSpPr/>
            <p:nvPr/>
          </p:nvSpPr>
          <p:spPr>
            <a:xfrm>
              <a:off x="7041388" y="4254404"/>
              <a:ext cx="197485" cy="41275"/>
            </a:xfrm>
            <a:custGeom>
              <a:avLst/>
              <a:gdLst/>
              <a:ahLst/>
              <a:cxnLst/>
              <a:rect l="l" t="t" r="r" b="b"/>
              <a:pathLst>
                <a:path w="197484" h="41275">
                  <a:moveTo>
                    <a:pt x="0" y="40862"/>
                  </a:moveTo>
                  <a:lnTo>
                    <a:pt x="197116" y="40862"/>
                  </a:lnTo>
                  <a:lnTo>
                    <a:pt x="197116" y="0"/>
                  </a:lnTo>
                  <a:lnTo>
                    <a:pt x="0" y="0"/>
                  </a:lnTo>
                  <a:lnTo>
                    <a:pt x="0" y="40862"/>
                  </a:lnTo>
                  <a:close/>
                </a:path>
              </a:pathLst>
            </a:custGeom>
            <a:ln w="12192">
              <a:solidFill>
                <a:srgbClr val="000000"/>
              </a:solidFill>
            </a:ln>
          </p:spPr>
          <p:txBody>
            <a:bodyPr wrap="square" lIns="0" tIns="0" rIns="0" bIns="0" rtlCol="0"/>
            <a:lstStyle/>
            <a:p>
              <a:endParaRPr/>
            </a:p>
          </p:txBody>
        </p:sp>
        <p:sp>
          <p:nvSpPr>
            <p:cNvPr id="11" name="object 11"/>
            <p:cNvSpPr/>
            <p:nvPr/>
          </p:nvSpPr>
          <p:spPr>
            <a:xfrm>
              <a:off x="4373880" y="2143251"/>
              <a:ext cx="2590165" cy="799465"/>
            </a:xfrm>
            <a:custGeom>
              <a:avLst/>
              <a:gdLst/>
              <a:ahLst/>
              <a:cxnLst/>
              <a:rect l="l" t="t" r="r" b="b"/>
              <a:pathLst>
                <a:path w="2590165" h="799464">
                  <a:moveTo>
                    <a:pt x="35560" y="7620"/>
                  </a:moveTo>
                  <a:lnTo>
                    <a:pt x="7620" y="0"/>
                  </a:lnTo>
                  <a:lnTo>
                    <a:pt x="0" y="27940"/>
                  </a:lnTo>
                  <a:lnTo>
                    <a:pt x="27940" y="35560"/>
                  </a:lnTo>
                  <a:lnTo>
                    <a:pt x="35560" y="7620"/>
                  </a:lnTo>
                  <a:close/>
                </a:path>
                <a:path w="2590165" h="799464">
                  <a:moveTo>
                    <a:pt x="88011" y="798322"/>
                  </a:moveTo>
                  <a:lnTo>
                    <a:pt x="87261" y="770128"/>
                  </a:lnTo>
                  <a:lnTo>
                    <a:pt x="87249" y="769366"/>
                  </a:lnTo>
                  <a:lnTo>
                    <a:pt x="58293" y="770128"/>
                  </a:lnTo>
                  <a:lnTo>
                    <a:pt x="59029" y="798322"/>
                  </a:lnTo>
                  <a:lnTo>
                    <a:pt x="59055" y="799084"/>
                  </a:lnTo>
                  <a:lnTo>
                    <a:pt x="88011" y="798322"/>
                  </a:lnTo>
                  <a:close/>
                </a:path>
                <a:path w="2590165" h="799464">
                  <a:moveTo>
                    <a:pt x="91440" y="22860"/>
                  </a:moveTo>
                  <a:lnTo>
                    <a:pt x="63500" y="15240"/>
                  </a:lnTo>
                  <a:lnTo>
                    <a:pt x="55880" y="43180"/>
                  </a:lnTo>
                  <a:lnTo>
                    <a:pt x="83820" y="50800"/>
                  </a:lnTo>
                  <a:lnTo>
                    <a:pt x="91440" y="22860"/>
                  </a:lnTo>
                  <a:close/>
                </a:path>
                <a:path w="2590165" h="799464">
                  <a:moveTo>
                    <a:pt x="145923" y="796798"/>
                  </a:moveTo>
                  <a:lnTo>
                    <a:pt x="145173" y="768604"/>
                  </a:lnTo>
                  <a:lnTo>
                    <a:pt x="145161" y="767969"/>
                  </a:lnTo>
                  <a:lnTo>
                    <a:pt x="116205" y="768604"/>
                  </a:lnTo>
                  <a:lnTo>
                    <a:pt x="116941" y="796798"/>
                  </a:lnTo>
                  <a:lnTo>
                    <a:pt x="116967" y="797560"/>
                  </a:lnTo>
                  <a:lnTo>
                    <a:pt x="145923" y="796798"/>
                  </a:lnTo>
                  <a:close/>
                </a:path>
                <a:path w="2590165" h="799464">
                  <a:moveTo>
                    <a:pt x="147320" y="38100"/>
                  </a:moveTo>
                  <a:lnTo>
                    <a:pt x="119380" y="30480"/>
                  </a:lnTo>
                  <a:lnTo>
                    <a:pt x="111760" y="58420"/>
                  </a:lnTo>
                  <a:lnTo>
                    <a:pt x="139700" y="66040"/>
                  </a:lnTo>
                  <a:lnTo>
                    <a:pt x="147320" y="38100"/>
                  </a:lnTo>
                  <a:close/>
                </a:path>
                <a:path w="2590165" h="799464">
                  <a:moveTo>
                    <a:pt x="203200" y="53340"/>
                  </a:moveTo>
                  <a:lnTo>
                    <a:pt x="175260" y="45720"/>
                  </a:lnTo>
                  <a:lnTo>
                    <a:pt x="167640" y="73660"/>
                  </a:lnTo>
                  <a:lnTo>
                    <a:pt x="195580" y="81280"/>
                  </a:lnTo>
                  <a:lnTo>
                    <a:pt x="203200" y="53340"/>
                  </a:lnTo>
                  <a:close/>
                </a:path>
                <a:path w="2590165" h="799464">
                  <a:moveTo>
                    <a:pt x="203835" y="795401"/>
                  </a:moveTo>
                  <a:lnTo>
                    <a:pt x="203085" y="767207"/>
                  </a:lnTo>
                  <a:lnTo>
                    <a:pt x="203073" y="766445"/>
                  </a:lnTo>
                  <a:lnTo>
                    <a:pt x="174117" y="767207"/>
                  </a:lnTo>
                  <a:lnTo>
                    <a:pt x="174853" y="795401"/>
                  </a:lnTo>
                  <a:lnTo>
                    <a:pt x="174879" y="796163"/>
                  </a:lnTo>
                  <a:lnTo>
                    <a:pt x="203835" y="795401"/>
                  </a:lnTo>
                  <a:close/>
                </a:path>
                <a:path w="2590165" h="799464">
                  <a:moveTo>
                    <a:pt x="259080" y="68580"/>
                  </a:moveTo>
                  <a:lnTo>
                    <a:pt x="231140" y="60960"/>
                  </a:lnTo>
                  <a:lnTo>
                    <a:pt x="223520" y="88900"/>
                  </a:lnTo>
                  <a:lnTo>
                    <a:pt x="251460" y="96520"/>
                  </a:lnTo>
                  <a:lnTo>
                    <a:pt x="259080" y="68580"/>
                  </a:lnTo>
                  <a:close/>
                </a:path>
                <a:path w="2590165" h="799464">
                  <a:moveTo>
                    <a:pt x="261620" y="793877"/>
                  </a:moveTo>
                  <a:lnTo>
                    <a:pt x="260997" y="765683"/>
                  </a:lnTo>
                  <a:lnTo>
                    <a:pt x="260985" y="764921"/>
                  </a:lnTo>
                  <a:lnTo>
                    <a:pt x="232029" y="765683"/>
                  </a:lnTo>
                  <a:lnTo>
                    <a:pt x="232638" y="793877"/>
                  </a:lnTo>
                  <a:lnTo>
                    <a:pt x="232664" y="794639"/>
                  </a:lnTo>
                  <a:lnTo>
                    <a:pt x="261620" y="793877"/>
                  </a:lnTo>
                  <a:close/>
                </a:path>
                <a:path w="2590165" h="799464">
                  <a:moveTo>
                    <a:pt x="314960" y="83820"/>
                  </a:moveTo>
                  <a:lnTo>
                    <a:pt x="287020" y="76200"/>
                  </a:lnTo>
                  <a:lnTo>
                    <a:pt x="279400" y="104140"/>
                  </a:lnTo>
                  <a:lnTo>
                    <a:pt x="307340" y="111760"/>
                  </a:lnTo>
                  <a:lnTo>
                    <a:pt x="314960" y="83820"/>
                  </a:lnTo>
                  <a:close/>
                </a:path>
                <a:path w="2590165" h="799464">
                  <a:moveTo>
                    <a:pt x="319532" y="792353"/>
                  </a:moveTo>
                  <a:lnTo>
                    <a:pt x="318782" y="764159"/>
                  </a:lnTo>
                  <a:lnTo>
                    <a:pt x="318770" y="763397"/>
                  </a:lnTo>
                  <a:lnTo>
                    <a:pt x="289814" y="764159"/>
                  </a:lnTo>
                  <a:lnTo>
                    <a:pt x="290550" y="792353"/>
                  </a:lnTo>
                  <a:lnTo>
                    <a:pt x="290576" y="793115"/>
                  </a:lnTo>
                  <a:lnTo>
                    <a:pt x="319532" y="792353"/>
                  </a:lnTo>
                  <a:close/>
                </a:path>
                <a:path w="2590165" h="799464">
                  <a:moveTo>
                    <a:pt x="370713" y="99060"/>
                  </a:moveTo>
                  <a:lnTo>
                    <a:pt x="342900" y="91440"/>
                  </a:lnTo>
                  <a:lnTo>
                    <a:pt x="335280" y="119380"/>
                  </a:lnTo>
                  <a:lnTo>
                    <a:pt x="363093" y="127000"/>
                  </a:lnTo>
                  <a:lnTo>
                    <a:pt x="370713" y="99060"/>
                  </a:lnTo>
                  <a:close/>
                </a:path>
                <a:path w="2590165" h="799464">
                  <a:moveTo>
                    <a:pt x="377444" y="790956"/>
                  </a:moveTo>
                  <a:lnTo>
                    <a:pt x="376694" y="762762"/>
                  </a:lnTo>
                  <a:lnTo>
                    <a:pt x="376682" y="762000"/>
                  </a:lnTo>
                  <a:lnTo>
                    <a:pt x="347726" y="762762"/>
                  </a:lnTo>
                  <a:lnTo>
                    <a:pt x="348462" y="790956"/>
                  </a:lnTo>
                  <a:lnTo>
                    <a:pt x="348488" y="791591"/>
                  </a:lnTo>
                  <a:lnTo>
                    <a:pt x="377444" y="790956"/>
                  </a:lnTo>
                  <a:close/>
                </a:path>
                <a:path w="2590165" h="799464">
                  <a:moveTo>
                    <a:pt x="426593" y="114300"/>
                  </a:moveTo>
                  <a:lnTo>
                    <a:pt x="398653" y="106680"/>
                  </a:lnTo>
                  <a:lnTo>
                    <a:pt x="391033" y="134620"/>
                  </a:lnTo>
                  <a:lnTo>
                    <a:pt x="418973" y="142240"/>
                  </a:lnTo>
                  <a:lnTo>
                    <a:pt x="426593" y="114300"/>
                  </a:lnTo>
                  <a:close/>
                </a:path>
                <a:path w="2590165" h="799464">
                  <a:moveTo>
                    <a:pt x="435356" y="789432"/>
                  </a:moveTo>
                  <a:lnTo>
                    <a:pt x="434606" y="761238"/>
                  </a:lnTo>
                  <a:lnTo>
                    <a:pt x="434594" y="760476"/>
                  </a:lnTo>
                  <a:lnTo>
                    <a:pt x="405638" y="761238"/>
                  </a:lnTo>
                  <a:lnTo>
                    <a:pt x="406374" y="789432"/>
                  </a:lnTo>
                  <a:lnTo>
                    <a:pt x="406400" y="790194"/>
                  </a:lnTo>
                  <a:lnTo>
                    <a:pt x="435356" y="789432"/>
                  </a:lnTo>
                  <a:close/>
                </a:path>
                <a:path w="2590165" h="799464">
                  <a:moveTo>
                    <a:pt x="482473" y="129540"/>
                  </a:moveTo>
                  <a:lnTo>
                    <a:pt x="454533" y="121920"/>
                  </a:lnTo>
                  <a:lnTo>
                    <a:pt x="446913" y="149860"/>
                  </a:lnTo>
                  <a:lnTo>
                    <a:pt x="474853" y="157480"/>
                  </a:lnTo>
                  <a:lnTo>
                    <a:pt x="482473" y="129540"/>
                  </a:lnTo>
                  <a:close/>
                </a:path>
                <a:path w="2590165" h="799464">
                  <a:moveTo>
                    <a:pt x="493268" y="787908"/>
                  </a:moveTo>
                  <a:lnTo>
                    <a:pt x="492518" y="759714"/>
                  </a:lnTo>
                  <a:lnTo>
                    <a:pt x="492506" y="758952"/>
                  </a:lnTo>
                  <a:lnTo>
                    <a:pt x="463550" y="759714"/>
                  </a:lnTo>
                  <a:lnTo>
                    <a:pt x="464286" y="787908"/>
                  </a:lnTo>
                  <a:lnTo>
                    <a:pt x="464312" y="788670"/>
                  </a:lnTo>
                  <a:lnTo>
                    <a:pt x="493268" y="787908"/>
                  </a:lnTo>
                  <a:close/>
                </a:path>
                <a:path w="2590165" h="799464">
                  <a:moveTo>
                    <a:pt x="538353" y="144780"/>
                  </a:moveTo>
                  <a:lnTo>
                    <a:pt x="510413" y="137160"/>
                  </a:lnTo>
                  <a:lnTo>
                    <a:pt x="502793" y="165100"/>
                  </a:lnTo>
                  <a:lnTo>
                    <a:pt x="530733" y="172720"/>
                  </a:lnTo>
                  <a:lnTo>
                    <a:pt x="538353" y="144780"/>
                  </a:lnTo>
                  <a:close/>
                </a:path>
                <a:path w="2590165" h="799464">
                  <a:moveTo>
                    <a:pt x="551180" y="786384"/>
                  </a:moveTo>
                  <a:lnTo>
                    <a:pt x="550430" y="758190"/>
                  </a:lnTo>
                  <a:lnTo>
                    <a:pt x="550418" y="757555"/>
                  </a:lnTo>
                  <a:lnTo>
                    <a:pt x="521462" y="758190"/>
                  </a:lnTo>
                  <a:lnTo>
                    <a:pt x="522198" y="786384"/>
                  </a:lnTo>
                  <a:lnTo>
                    <a:pt x="522224" y="787146"/>
                  </a:lnTo>
                  <a:lnTo>
                    <a:pt x="551180" y="786384"/>
                  </a:lnTo>
                  <a:close/>
                </a:path>
                <a:path w="2590165" h="799464">
                  <a:moveTo>
                    <a:pt x="594233" y="160020"/>
                  </a:moveTo>
                  <a:lnTo>
                    <a:pt x="566293" y="152400"/>
                  </a:lnTo>
                  <a:lnTo>
                    <a:pt x="558673" y="180340"/>
                  </a:lnTo>
                  <a:lnTo>
                    <a:pt x="586613" y="187960"/>
                  </a:lnTo>
                  <a:lnTo>
                    <a:pt x="594233" y="160020"/>
                  </a:lnTo>
                  <a:close/>
                </a:path>
                <a:path w="2590165" h="799464">
                  <a:moveTo>
                    <a:pt x="608965" y="784987"/>
                  </a:moveTo>
                  <a:lnTo>
                    <a:pt x="608342" y="756793"/>
                  </a:lnTo>
                  <a:lnTo>
                    <a:pt x="608330" y="756031"/>
                  </a:lnTo>
                  <a:lnTo>
                    <a:pt x="579374" y="756793"/>
                  </a:lnTo>
                  <a:lnTo>
                    <a:pt x="580110" y="784987"/>
                  </a:lnTo>
                  <a:lnTo>
                    <a:pt x="580136" y="785749"/>
                  </a:lnTo>
                  <a:lnTo>
                    <a:pt x="608965" y="784987"/>
                  </a:lnTo>
                  <a:close/>
                </a:path>
                <a:path w="2590165" h="799464">
                  <a:moveTo>
                    <a:pt x="650113" y="175260"/>
                  </a:moveTo>
                  <a:lnTo>
                    <a:pt x="622173" y="167640"/>
                  </a:lnTo>
                  <a:lnTo>
                    <a:pt x="614553" y="195580"/>
                  </a:lnTo>
                  <a:lnTo>
                    <a:pt x="642493" y="203200"/>
                  </a:lnTo>
                  <a:lnTo>
                    <a:pt x="650113" y="175260"/>
                  </a:lnTo>
                  <a:close/>
                </a:path>
                <a:path w="2590165" h="799464">
                  <a:moveTo>
                    <a:pt x="666877" y="783463"/>
                  </a:moveTo>
                  <a:lnTo>
                    <a:pt x="666127" y="755269"/>
                  </a:lnTo>
                  <a:lnTo>
                    <a:pt x="666115" y="754507"/>
                  </a:lnTo>
                  <a:lnTo>
                    <a:pt x="637286" y="755269"/>
                  </a:lnTo>
                  <a:lnTo>
                    <a:pt x="637895" y="783463"/>
                  </a:lnTo>
                  <a:lnTo>
                    <a:pt x="637921" y="784225"/>
                  </a:lnTo>
                  <a:lnTo>
                    <a:pt x="666877" y="783463"/>
                  </a:lnTo>
                  <a:close/>
                </a:path>
                <a:path w="2590165" h="799464">
                  <a:moveTo>
                    <a:pt x="705993" y="190500"/>
                  </a:moveTo>
                  <a:lnTo>
                    <a:pt x="678053" y="182880"/>
                  </a:lnTo>
                  <a:lnTo>
                    <a:pt x="670433" y="210820"/>
                  </a:lnTo>
                  <a:lnTo>
                    <a:pt x="698373" y="218440"/>
                  </a:lnTo>
                  <a:lnTo>
                    <a:pt x="705993" y="190500"/>
                  </a:lnTo>
                  <a:close/>
                </a:path>
                <a:path w="2590165" h="799464">
                  <a:moveTo>
                    <a:pt x="724789" y="781939"/>
                  </a:moveTo>
                  <a:lnTo>
                    <a:pt x="724039" y="753745"/>
                  </a:lnTo>
                  <a:lnTo>
                    <a:pt x="724027" y="752983"/>
                  </a:lnTo>
                  <a:lnTo>
                    <a:pt x="695071" y="753745"/>
                  </a:lnTo>
                  <a:lnTo>
                    <a:pt x="695807" y="781939"/>
                  </a:lnTo>
                  <a:lnTo>
                    <a:pt x="695833" y="782701"/>
                  </a:lnTo>
                  <a:lnTo>
                    <a:pt x="724789" y="781939"/>
                  </a:lnTo>
                  <a:close/>
                </a:path>
                <a:path w="2590165" h="799464">
                  <a:moveTo>
                    <a:pt x="761873" y="205740"/>
                  </a:moveTo>
                  <a:lnTo>
                    <a:pt x="733933" y="198120"/>
                  </a:lnTo>
                  <a:lnTo>
                    <a:pt x="726313" y="226060"/>
                  </a:lnTo>
                  <a:lnTo>
                    <a:pt x="754253" y="233680"/>
                  </a:lnTo>
                  <a:lnTo>
                    <a:pt x="761873" y="205740"/>
                  </a:lnTo>
                  <a:close/>
                </a:path>
                <a:path w="2590165" h="799464">
                  <a:moveTo>
                    <a:pt x="782701" y="780542"/>
                  </a:moveTo>
                  <a:lnTo>
                    <a:pt x="781951" y="752348"/>
                  </a:lnTo>
                  <a:lnTo>
                    <a:pt x="781939" y="751586"/>
                  </a:lnTo>
                  <a:lnTo>
                    <a:pt x="752983" y="752348"/>
                  </a:lnTo>
                  <a:lnTo>
                    <a:pt x="753719" y="780542"/>
                  </a:lnTo>
                  <a:lnTo>
                    <a:pt x="753745" y="781177"/>
                  </a:lnTo>
                  <a:lnTo>
                    <a:pt x="782701" y="780542"/>
                  </a:lnTo>
                  <a:close/>
                </a:path>
                <a:path w="2590165" h="799464">
                  <a:moveTo>
                    <a:pt x="817753" y="220980"/>
                  </a:moveTo>
                  <a:lnTo>
                    <a:pt x="789813" y="213360"/>
                  </a:lnTo>
                  <a:lnTo>
                    <a:pt x="782193" y="241300"/>
                  </a:lnTo>
                  <a:lnTo>
                    <a:pt x="810133" y="248920"/>
                  </a:lnTo>
                  <a:lnTo>
                    <a:pt x="817753" y="220980"/>
                  </a:lnTo>
                  <a:close/>
                </a:path>
                <a:path w="2590165" h="799464">
                  <a:moveTo>
                    <a:pt x="840613" y="779018"/>
                  </a:moveTo>
                  <a:lnTo>
                    <a:pt x="839863" y="750824"/>
                  </a:lnTo>
                  <a:lnTo>
                    <a:pt x="839851" y="750062"/>
                  </a:lnTo>
                  <a:lnTo>
                    <a:pt x="810895" y="750824"/>
                  </a:lnTo>
                  <a:lnTo>
                    <a:pt x="811631" y="779018"/>
                  </a:lnTo>
                  <a:lnTo>
                    <a:pt x="811657" y="779780"/>
                  </a:lnTo>
                  <a:lnTo>
                    <a:pt x="840613" y="779018"/>
                  </a:lnTo>
                  <a:close/>
                </a:path>
                <a:path w="2590165" h="799464">
                  <a:moveTo>
                    <a:pt x="873633" y="236220"/>
                  </a:moveTo>
                  <a:lnTo>
                    <a:pt x="845693" y="228600"/>
                  </a:lnTo>
                  <a:lnTo>
                    <a:pt x="838073" y="256540"/>
                  </a:lnTo>
                  <a:lnTo>
                    <a:pt x="866013" y="264160"/>
                  </a:lnTo>
                  <a:lnTo>
                    <a:pt x="873633" y="236220"/>
                  </a:lnTo>
                  <a:close/>
                </a:path>
                <a:path w="2590165" h="799464">
                  <a:moveTo>
                    <a:pt x="898525" y="777494"/>
                  </a:moveTo>
                  <a:lnTo>
                    <a:pt x="897775" y="749300"/>
                  </a:lnTo>
                  <a:lnTo>
                    <a:pt x="897763" y="748538"/>
                  </a:lnTo>
                  <a:lnTo>
                    <a:pt x="868807" y="749300"/>
                  </a:lnTo>
                  <a:lnTo>
                    <a:pt x="869543" y="777494"/>
                  </a:lnTo>
                  <a:lnTo>
                    <a:pt x="869569" y="778256"/>
                  </a:lnTo>
                  <a:lnTo>
                    <a:pt x="898525" y="777494"/>
                  </a:lnTo>
                  <a:close/>
                </a:path>
                <a:path w="2590165" h="799464">
                  <a:moveTo>
                    <a:pt x="929513" y="251460"/>
                  </a:moveTo>
                  <a:lnTo>
                    <a:pt x="901573" y="243840"/>
                  </a:lnTo>
                  <a:lnTo>
                    <a:pt x="893953" y="271780"/>
                  </a:lnTo>
                  <a:lnTo>
                    <a:pt x="921893" y="279400"/>
                  </a:lnTo>
                  <a:lnTo>
                    <a:pt x="929513" y="251460"/>
                  </a:lnTo>
                  <a:close/>
                </a:path>
                <a:path w="2590165" h="799464">
                  <a:moveTo>
                    <a:pt x="956437" y="775970"/>
                  </a:moveTo>
                  <a:lnTo>
                    <a:pt x="955687" y="747776"/>
                  </a:lnTo>
                  <a:lnTo>
                    <a:pt x="955675" y="747141"/>
                  </a:lnTo>
                  <a:lnTo>
                    <a:pt x="926719" y="747776"/>
                  </a:lnTo>
                  <a:lnTo>
                    <a:pt x="927455" y="775970"/>
                  </a:lnTo>
                  <a:lnTo>
                    <a:pt x="927481" y="776732"/>
                  </a:lnTo>
                  <a:lnTo>
                    <a:pt x="956437" y="775970"/>
                  </a:lnTo>
                  <a:close/>
                </a:path>
                <a:path w="2590165" h="799464">
                  <a:moveTo>
                    <a:pt x="985393" y="266700"/>
                  </a:moveTo>
                  <a:lnTo>
                    <a:pt x="957453" y="259080"/>
                  </a:lnTo>
                  <a:lnTo>
                    <a:pt x="949833" y="287020"/>
                  </a:lnTo>
                  <a:lnTo>
                    <a:pt x="977773" y="294640"/>
                  </a:lnTo>
                  <a:lnTo>
                    <a:pt x="985393" y="266700"/>
                  </a:lnTo>
                  <a:close/>
                </a:path>
                <a:path w="2590165" h="799464">
                  <a:moveTo>
                    <a:pt x="1014222" y="774573"/>
                  </a:moveTo>
                  <a:lnTo>
                    <a:pt x="1013599" y="746379"/>
                  </a:lnTo>
                  <a:lnTo>
                    <a:pt x="1013587" y="745617"/>
                  </a:lnTo>
                  <a:lnTo>
                    <a:pt x="984631" y="746379"/>
                  </a:lnTo>
                  <a:lnTo>
                    <a:pt x="985240" y="774573"/>
                  </a:lnTo>
                  <a:lnTo>
                    <a:pt x="985266" y="775335"/>
                  </a:lnTo>
                  <a:lnTo>
                    <a:pt x="1014222" y="774573"/>
                  </a:lnTo>
                  <a:close/>
                </a:path>
                <a:path w="2590165" h="799464">
                  <a:moveTo>
                    <a:pt x="1041273" y="281940"/>
                  </a:moveTo>
                  <a:lnTo>
                    <a:pt x="1013333" y="274320"/>
                  </a:lnTo>
                  <a:lnTo>
                    <a:pt x="1005713" y="302260"/>
                  </a:lnTo>
                  <a:lnTo>
                    <a:pt x="1033653" y="309880"/>
                  </a:lnTo>
                  <a:lnTo>
                    <a:pt x="1041273" y="281940"/>
                  </a:lnTo>
                  <a:close/>
                </a:path>
                <a:path w="2590165" h="799464">
                  <a:moveTo>
                    <a:pt x="1072134" y="773049"/>
                  </a:moveTo>
                  <a:lnTo>
                    <a:pt x="1071384" y="744855"/>
                  </a:lnTo>
                  <a:lnTo>
                    <a:pt x="1071372" y="744093"/>
                  </a:lnTo>
                  <a:lnTo>
                    <a:pt x="1042416" y="744855"/>
                  </a:lnTo>
                  <a:lnTo>
                    <a:pt x="1043152" y="773049"/>
                  </a:lnTo>
                  <a:lnTo>
                    <a:pt x="1043178" y="773811"/>
                  </a:lnTo>
                  <a:lnTo>
                    <a:pt x="1072134" y="773049"/>
                  </a:lnTo>
                  <a:close/>
                </a:path>
                <a:path w="2590165" h="799464">
                  <a:moveTo>
                    <a:pt x="1097026" y="297180"/>
                  </a:moveTo>
                  <a:lnTo>
                    <a:pt x="1069213" y="289560"/>
                  </a:lnTo>
                  <a:lnTo>
                    <a:pt x="1061593" y="317500"/>
                  </a:lnTo>
                  <a:lnTo>
                    <a:pt x="1089406" y="325120"/>
                  </a:lnTo>
                  <a:lnTo>
                    <a:pt x="1097026" y="297180"/>
                  </a:lnTo>
                  <a:close/>
                </a:path>
                <a:path w="2590165" h="799464">
                  <a:moveTo>
                    <a:pt x="1130046" y="771525"/>
                  </a:moveTo>
                  <a:lnTo>
                    <a:pt x="1129296" y="743331"/>
                  </a:lnTo>
                  <a:lnTo>
                    <a:pt x="1129284" y="742569"/>
                  </a:lnTo>
                  <a:lnTo>
                    <a:pt x="1100328" y="743331"/>
                  </a:lnTo>
                  <a:lnTo>
                    <a:pt x="1101064" y="771525"/>
                  </a:lnTo>
                  <a:lnTo>
                    <a:pt x="1101090" y="772287"/>
                  </a:lnTo>
                  <a:lnTo>
                    <a:pt x="1130046" y="771525"/>
                  </a:lnTo>
                  <a:close/>
                </a:path>
                <a:path w="2590165" h="799464">
                  <a:moveTo>
                    <a:pt x="1152906" y="312420"/>
                  </a:moveTo>
                  <a:lnTo>
                    <a:pt x="1124966" y="304800"/>
                  </a:lnTo>
                  <a:lnTo>
                    <a:pt x="1117346" y="332740"/>
                  </a:lnTo>
                  <a:lnTo>
                    <a:pt x="1145286" y="340360"/>
                  </a:lnTo>
                  <a:lnTo>
                    <a:pt x="1152906" y="312420"/>
                  </a:lnTo>
                  <a:close/>
                </a:path>
                <a:path w="2590165" h="799464">
                  <a:moveTo>
                    <a:pt x="1187958" y="770128"/>
                  </a:moveTo>
                  <a:lnTo>
                    <a:pt x="1187208" y="741934"/>
                  </a:lnTo>
                  <a:lnTo>
                    <a:pt x="1187196" y="741172"/>
                  </a:lnTo>
                  <a:lnTo>
                    <a:pt x="1158240" y="741934"/>
                  </a:lnTo>
                  <a:lnTo>
                    <a:pt x="1158976" y="770128"/>
                  </a:lnTo>
                  <a:lnTo>
                    <a:pt x="1159002" y="770763"/>
                  </a:lnTo>
                  <a:lnTo>
                    <a:pt x="1187958" y="770128"/>
                  </a:lnTo>
                  <a:close/>
                </a:path>
                <a:path w="2590165" h="799464">
                  <a:moveTo>
                    <a:pt x="1208786" y="327660"/>
                  </a:moveTo>
                  <a:lnTo>
                    <a:pt x="1180846" y="320040"/>
                  </a:lnTo>
                  <a:lnTo>
                    <a:pt x="1173226" y="347980"/>
                  </a:lnTo>
                  <a:lnTo>
                    <a:pt x="1201166" y="355600"/>
                  </a:lnTo>
                  <a:lnTo>
                    <a:pt x="1208786" y="327660"/>
                  </a:lnTo>
                  <a:close/>
                </a:path>
                <a:path w="2590165" h="799464">
                  <a:moveTo>
                    <a:pt x="1245870" y="768604"/>
                  </a:moveTo>
                  <a:lnTo>
                    <a:pt x="1245120" y="740410"/>
                  </a:lnTo>
                  <a:lnTo>
                    <a:pt x="1245108" y="739648"/>
                  </a:lnTo>
                  <a:lnTo>
                    <a:pt x="1216152" y="740410"/>
                  </a:lnTo>
                  <a:lnTo>
                    <a:pt x="1216888" y="768604"/>
                  </a:lnTo>
                  <a:lnTo>
                    <a:pt x="1216914" y="769366"/>
                  </a:lnTo>
                  <a:lnTo>
                    <a:pt x="1245870" y="768604"/>
                  </a:lnTo>
                  <a:close/>
                </a:path>
                <a:path w="2590165" h="799464">
                  <a:moveTo>
                    <a:pt x="1264666" y="342900"/>
                  </a:moveTo>
                  <a:lnTo>
                    <a:pt x="1236726" y="335280"/>
                  </a:lnTo>
                  <a:lnTo>
                    <a:pt x="1229106" y="363220"/>
                  </a:lnTo>
                  <a:lnTo>
                    <a:pt x="1257046" y="370840"/>
                  </a:lnTo>
                  <a:lnTo>
                    <a:pt x="1264666" y="342900"/>
                  </a:lnTo>
                  <a:close/>
                </a:path>
                <a:path w="2590165" h="799464">
                  <a:moveTo>
                    <a:pt x="1303782" y="767080"/>
                  </a:moveTo>
                  <a:lnTo>
                    <a:pt x="1303032" y="738886"/>
                  </a:lnTo>
                  <a:lnTo>
                    <a:pt x="1303020" y="738124"/>
                  </a:lnTo>
                  <a:lnTo>
                    <a:pt x="1274064" y="738886"/>
                  </a:lnTo>
                  <a:lnTo>
                    <a:pt x="1274800" y="767080"/>
                  </a:lnTo>
                  <a:lnTo>
                    <a:pt x="1274826" y="767842"/>
                  </a:lnTo>
                  <a:lnTo>
                    <a:pt x="1303782" y="767080"/>
                  </a:lnTo>
                  <a:close/>
                </a:path>
                <a:path w="2590165" h="799464">
                  <a:moveTo>
                    <a:pt x="1320546" y="358140"/>
                  </a:moveTo>
                  <a:lnTo>
                    <a:pt x="1292606" y="350520"/>
                  </a:lnTo>
                  <a:lnTo>
                    <a:pt x="1284986" y="378460"/>
                  </a:lnTo>
                  <a:lnTo>
                    <a:pt x="1312926" y="386080"/>
                  </a:lnTo>
                  <a:lnTo>
                    <a:pt x="1320546" y="358140"/>
                  </a:lnTo>
                  <a:close/>
                </a:path>
                <a:path w="2590165" h="799464">
                  <a:moveTo>
                    <a:pt x="1361694" y="765556"/>
                  </a:moveTo>
                  <a:lnTo>
                    <a:pt x="1360944" y="737362"/>
                  </a:lnTo>
                  <a:lnTo>
                    <a:pt x="1360932" y="736727"/>
                  </a:lnTo>
                  <a:lnTo>
                    <a:pt x="1331976" y="737362"/>
                  </a:lnTo>
                  <a:lnTo>
                    <a:pt x="1332712" y="765556"/>
                  </a:lnTo>
                  <a:lnTo>
                    <a:pt x="1332738" y="766318"/>
                  </a:lnTo>
                  <a:lnTo>
                    <a:pt x="1361694" y="765556"/>
                  </a:lnTo>
                  <a:close/>
                </a:path>
                <a:path w="2590165" h="799464">
                  <a:moveTo>
                    <a:pt x="1376426" y="373380"/>
                  </a:moveTo>
                  <a:lnTo>
                    <a:pt x="1348486" y="365760"/>
                  </a:lnTo>
                  <a:lnTo>
                    <a:pt x="1340866" y="393700"/>
                  </a:lnTo>
                  <a:lnTo>
                    <a:pt x="1368806" y="401320"/>
                  </a:lnTo>
                  <a:lnTo>
                    <a:pt x="1376426" y="373380"/>
                  </a:lnTo>
                  <a:close/>
                </a:path>
                <a:path w="2590165" h="799464">
                  <a:moveTo>
                    <a:pt x="1419479" y="764159"/>
                  </a:moveTo>
                  <a:lnTo>
                    <a:pt x="1418856" y="735965"/>
                  </a:lnTo>
                  <a:lnTo>
                    <a:pt x="1418844" y="735203"/>
                  </a:lnTo>
                  <a:lnTo>
                    <a:pt x="1389888" y="735965"/>
                  </a:lnTo>
                  <a:lnTo>
                    <a:pt x="1390497" y="764159"/>
                  </a:lnTo>
                  <a:lnTo>
                    <a:pt x="1390523" y="764921"/>
                  </a:lnTo>
                  <a:lnTo>
                    <a:pt x="1419479" y="764159"/>
                  </a:lnTo>
                  <a:close/>
                </a:path>
                <a:path w="2590165" h="799464">
                  <a:moveTo>
                    <a:pt x="1432306" y="388620"/>
                  </a:moveTo>
                  <a:lnTo>
                    <a:pt x="1404366" y="381000"/>
                  </a:lnTo>
                  <a:lnTo>
                    <a:pt x="1396746" y="408940"/>
                  </a:lnTo>
                  <a:lnTo>
                    <a:pt x="1424686" y="416560"/>
                  </a:lnTo>
                  <a:lnTo>
                    <a:pt x="1432306" y="388620"/>
                  </a:lnTo>
                  <a:close/>
                </a:path>
                <a:path w="2590165" h="799464">
                  <a:moveTo>
                    <a:pt x="1477391" y="762635"/>
                  </a:moveTo>
                  <a:lnTo>
                    <a:pt x="1476641" y="734441"/>
                  </a:lnTo>
                  <a:lnTo>
                    <a:pt x="1476629" y="733679"/>
                  </a:lnTo>
                  <a:lnTo>
                    <a:pt x="1447673" y="734441"/>
                  </a:lnTo>
                  <a:lnTo>
                    <a:pt x="1448409" y="762635"/>
                  </a:lnTo>
                  <a:lnTo>
                    <a:pt x="1448435" y="763397"/>
                  </a:lnTo>
                  <a:lnTo>
                    <a:pt x="1477391" y="762635"/>
                  </a:lnTo>
                  <a:close/>
                </a:path>
                <a:path w="2590165" h="799464">
                  <a:moveTo>
                    <a:pt x="1488186" y="403860"/>
                  </a:moveTo>
                  <a:lnTo>
                    <a:pt x="1460246" y="396240"/>
                  </a:lnTo>
                  <a:lnTo>
                    <a:pt x="1452626" y="424180"/>
                  </a:lnTo>
                  <a:lnTo>
                    <a:pt x="1480566" y="431800"/>
                  </a:lnTo>
                  <a:lnTo>
                    <a:pt x="1488186" y="403860"/>
                  </a:lnTo>
                  <a:close/>
                </a:path>
                <a:path w="2590165" h="799464">
                  <a:moveTo>
                    <a:pt x="1535303" y="761111"/>
                  </a:moveTo>
                  <a:lnTo>
                    <a:pt x="1534553" y="732917"/>
                  </a:lnTo>
                  <a:lnTo>
                    <a:pt x="1534541" y="732155"/>
                  </a:lnTo>
                  <a:lnTo>
                    <a:pt x="1505585" y="732917"/>
                  </a:lnTo>
                  <a:lnTo>
                    <a:pt x="1506321" y="761111"/>
                  </a:lnTo>
                  <a:lnTo>
                    <a:pt x="1506347" y="761873"/>
                  </a:lnTo>
                  <a:lnTo>
                    <a:pt x="1535303" y="761111"/>
                  </a:lnTo>
                  <a:close/>
                </a:path>
                <a:path w="2590165" h="799464">
                  <a:moveTo>
                    <a:pt x="1544066" y="419100"/>
                  </a:moveTo>
                  <a:lnTo>
                    <a:pt x="1516126" y="411480"/>
                  </a:lnTo>
                  <a:lnTo>
                    <a:pt x="1508506" y="439420"/>
                  </a:lnTo>
                  <a:lnTo>
                    <a:pt x="1536446" y="447040"/>
                  </a:lnTo>
                  <a:lnTo>
                    <a:pt x="1544066" y="419100"/>
                  </a:lnTo>
                  <a:close/>
                </a:path>
                <a:path w="2590165" h="799464">
                  <a:moveTo>
                    <a:pt x="1593215" y="759714"/>
                  </a:moveTo>
                  <a:lnTo>
                    <a:pt x="1592465" y="731520"/>
                  </a:lnTo>
                  <a:lnTo>
                    <a:pt x="1592453" y="730758"/>
                  </a:lnTo>
                  <a:lnTo>
                    <a:pt x="1563497" y="731520"/>
                  </a:lnTo>
                  <a:lnTo>
                    <a:pt x="1564233" y="759714"/>
                  </a:lnTo>
                  <a:lnTo>
                    <a:pt x="1564259" y="760476"/>
                  </a:lnTo>
                  <a:lnTo>
                    <a:pt x="1593215" y="759714"/>
                  </a:lnTo>
                  <a:close/>
                </a:path>
                <a:path w="2590165" h="799464">
                  <a:moveTo>
                    <a:pt x="1599946" y="434340"/>
                  </a:moveTo>
                  <a:lnTo>
                    <a:pt x="1572006" y="426720"/>
                  </a:lnTo>
                  <a:lnTo>
                    <a:pt x="1564386" y="454660"/>
                  </a:lnTo>
                  <a:lnTo>
                    <a:pt x="1592326" y="462280"/>
                  </a:lnTo>
                  <a:lnTo>
                    <a:pt x="1599946" y="434340"/>
                  </a:lnTo>
                  <a:close/>
                </a:path>
                <a:path w="2590165" h="799464">
                  <a:moveTo>
                    <a:pt x="1651127" y="758190"/>
                  </a:moveTo>
                  <a:lnTo>
                    <a:pt x="1650377" y="729996"/>
                  </a:lnTo>
                  <a:lnTo>
                    <a:pt x="1650365" y="729234"/>
                  </a:lnTo>
                  <a:lnTo>
                    <a:pt x="1621409" y="729996"/>
                  </a:lnTo>
                  <a:lnTo>
                    <a:pt x="1622145" y="758190"/>
                  </a:lnTo>
                  <a:lnTo>
                    <a:pt x="1622171" y="758952"/>
                  </a:lnTo>
                  <a:lnTo>
                    <a:pt x="1651127" y="758190"/>
                  </a:lnTo>
                  <a:close/>
                </a:path>
                <a:path w="2590165" h="799464">
                  <a:moveTo>
                    <a:pt x="1655826" y="449580"/>
                  </a:moveTo>
                  <a:lnTo>
                    <a:pt x="1627886" y="441960"/>
                  </a:lnTo>
                  <a:lnTo>
                    <a:pt x="1620266" y="469900"/>
                  </a:lnTo>
                  <a:lnTo>
                    <a:pt x="1648206" y="477520"/>
                  </a:lnTo>
                  <a:lnTo>
                    <a:pt x="1655826" y="449580"/>
                  </a:lnTo>
                  <a:close/>
                </a:path>
                <a:path w="2590165" h="799464">
                  <a:moveTo>
                    <a:pt x="1709039" y="756666"/>
                  </a:moveTo>
                  <a:lnTo>
                    <a:pt x="1708289" y="728472"/>
                  </a:lnTo>
                  <a:lnTo>
                    <a:pt x="1708277" y="727710"/>
                  </a:lnTo>
                  <a:lnTo>
                    <a:pt x="1679321" y="728472"/>
                  </a:lnTo>
                  <a:lnTo>
                    <a:pt x="1680057" y="756666"/>
                  </a:lnTo>
                  <a:lnTo>
                    <a:pt x="1680083" y="757428"/>
                  </a:lnTo>
                  <a:lnTo>
                    <a:pt x="1709039" y="756666"/>
                  </a:lnTo>
                  <a:close/>
                </a:path>
                <a:path w="2590165" h="799464">
                  <a:moveTo>
                    <a:pt x="1711706" y="464820"/>
                  </a:moveTo>
                  <a:lnTo>
                    <a:pt x="1683766" y="457200"/>
                  </a:lnTo>
                  <a:lnTo>
                    <a:pt x="1676146" y="485140"/>
                  </a:lnTo>
                  <a:lnTo>
                    <a:pt x="1704086" y="492760"/>
                  </a:lnTo>
                  <a:lnTo>
                    <a:pt x="1711706" y="464820"/>
                  </a:lnTo>
                  <a:close/>
                </a:path>
                <a:path w="2590165" h="799464">
                  <a:moveTo>
                    <a:pt x="1766824" y="755269"/>
                  </a:moveTo>
                  <a:lnTo>
                    <a:pt x="1766201" y="726948"/>
                  </a:lnTo>
                  <a:lnTo>
                    <a:pt x="1766189" y="726313"/>
                  </a:lnTo>
                  <a:lnTo>
                    <a:pt x="1737233" y="726948"/>
                  </a:lnTo>
                  <a:lnTo>
                    <a:pt x="1737969" y="755269"/>
                  </a:lnTo>
                  <a:lnTo>
                    <a:pt x="1737995" y="755904"/>
                  </a:lnTo>
                  <a:lnTo>
                    <a:pt x="1766824" y="755269"/>
                  </a:lnTo>
                  <a:close/>
                </a:path>
                <a:path w="2590165" h="799464">
                  <a:moveTo>
                    <a:pt x="1767586" y="480060"/>
                  </a:moveTo>
                  <a:lnTo>
                    <a:pt x="1739646" y="472440"/>
                  </a:lnTo>
                  <a:lnTo>
                    <a:pt x="1732026" y="500380"/>
                  </a:lnTo>
                  <a:lnTo>
                    <a:pt x="1759966" y="508000"/>
                  </a:lnTo>
                  <a:lnTo>
                    <a:pt x="1767586" y="480060"/>
                  </a:lnTo>
                  <a:close/>
                </a:path>
                <a:path w="2590165" h="799464">
                  <a:moveTo>
                    <a:pt x="1823339" y="495300"/>
                  </a:moveTo>
                  <a:lnTo>
                    <a:pt x="1795526" y="487680"/>
                  </a:lnTo>
                  <a:lnTo>
                    <a:pt x="1787906" y="515620"/>
                  </a:lnTo>
                  <a:lnTo>
                    <a:pt x="1815719" y="523240"/>
                  </a:lnTo>
                  <a:lnTo>
                    <a:pt x="1823339" y="495300"/>
                  </a:lnTo>
                  <a:close/>
                </a:path>
                <a:path w="2590165" h="799464">
                  <a:moveTo>
                    <a:pt x="1824736" y="753745"/>
                  </a:moveTo>
                  <a:lnTo>
                    <a:pt x="1823986" y="725551"/>
                  </a:lnTo>
                  <a:lnTo>
                    <a:pt x="1823974" y="724789"/>
                  </a:lnTo>
                  <a:lnTo>
                    <a:pt x="1795145" y="725551"/>
                  </a:lnTo>
                  <a:lnTo>
                    <a:pt x="1795754" y="753745"/>
                  </a:lnTo>
                  <a:lnTo>
                    <a:pt x="1795780" y="754507"/>
                  </a:lnTo>
                  <a:lnTo>
                    <a:pt x="1824736" y="753745"/>
                  </a:lnTo>
                  <a:close/>
                </a:path>
                <a:path w="2590165" h="799464">
                  <a:moveTo>
                    <a:pt x="1879219" y="510540"/>
                  </a:moveTo>
                  <a:lnTo>
                    <a:pt x="1851279" y="502920"/>
                  </a:lnTo>
                  <a:lnTo>
                    <a:pt x="1843659" y="530860"/>
                  </a:lnTo>
                  <a:lnTo>
                    <a:pt x="1871599" y="538480"/>
                  </a:lnTo>
                  <a:lnTo>
                    <a:pt x="1879219" y="510540"/>
                  </a:lnTo>
                  <a:close/>
                </a:path>
                <a:path w="2590165" h="799464">
                  <a:moveTo>
                    <a:pt x="1882648" y="752221"/>
                  </a:moveTo>
                  <a:lnTo>
                    <a:pt x="1881898" y="724027"/>
                  </a:lnTo>
                  <a:lnTo>
                    <a:pt x="1881886" y="723265"/>
                  </a:lnTo>
                  <a:lnTo>
                    <a:pt x="1852930" y="724027"/>
                  </a:lnTo>
                  <a:lnTo>
                    <a:pt x="1853666" y="752221"/>
                  </a:lnTo>
                  <a:lnTo>
                    <a:pt x="1853692" y="752983"/>
                  </a:lnTo>
                  <a:lnTo>
                    <a:pt x="1882648" y="752221"/>
                  </a:lnTo>
                  <a:close/>
                </a:path>
                <a:path w="2590165" h="799464">
                  <a:moveTo>
                    <a:pt x="1935099" y="525780"/>
                  </a:moveTo>
                  <a:lnTo>
                    <a:pt x="1907159" y="518160"/>
                  </a:lnTo>
                  <a:lnTo>
                    <a:pt x="1899539" y="546100"/>
                  </a:lnTo>
                  <a:lnTo>
                    <a:pt x="1927479" y="553720"/>
                  </a:lnTo>
                  <a:lnTo>
                    <a:pt x="1935099" y="525780"/>
                  </a:lnTo>
                  <a:close/>
                </a:path>
                <a:path w="2590165" h="799464">
                  <a:moveTo>
                    <a:pt x="1940560" y="750697"/>
                  </a:moveTo>
                  <a:lnTo>
                    <a:pt x="1939810" y="722503"/>
                  </a:lnTo>
                  <a:lnTo>
                    <a:pt x="1939798" y="721741"/>
                  </a:lnTo>
                  <a:lnTo>
                    <a:pt x="1910842" y="722503"/>
                  </a:lnTo>
                  <a:lnTo>
                    <a:pt x="1911578" y="750697"/>
                  </a:lnTo>
                  <a:lnTo>
                    <a:pt x="1911604" y="751459"/>
                  </a:lnTo>
                  <a:lnTo>
                    <a:pt x="1940560" y="750697"/>
                  </a:lnTo>
                  <a:close/>
                </a:path>
                <a:path w="2590165" h="799464">
                  <a:moveTo>
                    <a:pt x="1990979" y="541020"/>
                  </a:moveTo>
                  <a:lnTo>
                    <a:pt x="1963039" y="533400"/>
                  </a:lnTo>
                  <a:lnTo>
                    <a:pt x="1955419" y="561340"/>
                  </a:lnTo>
                  <a:lnTo>
                    <a:pt x="1983359" y="568960"/>
                  </a:lnTo>
                  <a:lnTo>
                    <a:pt x="1990979" y="541020"/>
                  </a:lnTo>
                  <a:close/>
                </a:path>
                <a:path w="2590165" h="799464">
                  <a:moveTo>
                    <a:pt x="1998472" y="749300"/>
                  </a:moveTo>
                  <a:lnTo>
                    <a:pt x="1997722" y="721106"/>
                  </a:lnTo>
                  <a:lnTo>
                    <a:pt x="1997710" y="720344"/>
                  </a:lnTo>
                  <a:lnTo>
                    <a:pt x="1968754" y="721106"/>
                  </a:lnTo>
                  <a:lnTo>
                    <a:pt x="1969490" y="749300"/>
                  </a:lnTo>
                  <a:lnTo>
                    <a:pt x="1969516" y="750062"/>
                  </a:lnTo>
                  <a:lnTo>
                    <a:pt x="1998472" y="749300"/>
                  </a:lnTo>
                  <a:close/>
                </a:path>
                <a:path w="2590165" h="799464">
                  <a:moveTo>
                    <a:pt x="2046859" y="556260"/>
                  </a:moveTo>
                  <a:lnTo>
                    <a:pt x="2018919" y="548640"/>
                  </a:lnTo>
                  <a:lnTo>
                    <a:pt x="2011299" y="576580"/>
                  </a:lnTo>
                  <a:lnTo>
                    <a:pt x="2039239" y="584200"/>
                  </a:lnTo>
                  <a:lnTo>
                    <a:pt x="2046859" y="556260"/>
                  </a:lnTo>
                  <a:close/>
                </a:path>
                <a:path w="2590165" h="799464">
                  <a:moveTo>
                    <a:pt x="2056384" y="747776"/>
                  </a:moveTo>
                  <a:lnTo>
                    <a:pt x="2055634" y="719582"/>
                  </a:lnTo>
                  <a:lnTo>
                    <a:pt x="2055622" y="718820"/>
                  </a:lnTo>
                  <a:lnTo>
                    <a:pt x="2026666" y="719582"/>
                  </a:lnTo>
                  <a:lnTo>
                    <a:pt x="2027402" y="747776"/>
                  </a:lnTo>
                  <a:lnTo>
                    <a:pt x="2027428" y="748538"/>
                  </a:lnTo>
                  <a:lnTo>
                    <a:pt x="2056384" y="747776"/>
                  </a:lnTo>
                  <a:close/>
                </a:path>
                <a:path w="2590165" h="799464">
                  <a:moveTo>
                    <a:pt x="2102739" y="571500"/>
                  </a:moveTo>
                  <a:lnTo>
                    <a:pt x="2074799" y="563880"/>
                  </a:lnTo>
                  <a:lnTo>
                    <a:pt x="2067179" y="591820"/>
                  </a:lnTo>
                  <a:lnTo>
                    <a:pt x="2095119" y="599440"/>
                  </a:lnTo>
                  <a:lnTo>
                    <a:pt x="2102739" y="571500"/>
                  </a:lnTo>
                  <a:close/>
                </a:path>
                <a:path w="2590165" h="799464">
                  <a:moveTo>
                    <a:pt x="2114296" y="746252"/>
                  </a:moveTo>
                  <a:lnTo>
                    <a:pt x="2113546" y="718058"/>
                  </a:lnTo>
                  <a:lnTo>
                    <a:pt x="2113534" y="717296"/>
                  </a:lnTo>
                  <a:lnTo>
                    <a:pt x="2084578" y="718058"/>
                  </a:lnTo>
                  <a:lnTo>
                    <a:pt x="2085314" y="746252"/>
                  </a:lnTo>
                  <a:lnTo>
                    <a:pt x="2085340" y="747014"/>
                  </a:lnTo>
                  <a:lnTo>
                    <a:pt x="2114296" y="746252"/>
                  </a:lnTo>
                  <a:close/>
                </a:path>
                <a:path w="2590165" h="799464">
                  <a:moveTo>
                    <a:pt x="2158619" y="586867"/>
                  </a:moveTo>
                  <a:lnTo>
                    <a:pt x="2130666" y="579120"/>
                  </a:lnTo>
                  <a:lnTo>
                    <a:pt x="2123059" y="607060"/>
                  </a:lnTo>
                  <a:lnTo>
                    <a:pt x="2150999" y="614680"/>
                  </a:lnTo>
                  <a:lnTo>
                    <a:pt x="2158619" y="586867"/>
                  </a:lnTo>
                  <a:close/>
                </a:path>
                <a:path w="2590165" h="799464">
                  <a:moveTo>
                    <a:pt x="2172068" y="744855"/>
                  </a:moveTo>
                  <a:lnTo>
                    <a:pt x="2171458" y="716534"/>
                  </a:lnTo>
                  <a:lnTo>
                    <a:pt x="2171446" y="715899"/>
                  </a:lnTo>
                  <a:lnTo>
                    <a:pt x="2142490" y="716534"/>
                  </a:lnTo>
                  <a:lnTo>
                    <a:pt x="2143099" y="744855"/>
                  </a:lnTo>
                  <a:lnTo>
                    <a:pt x="2143125" y="745490"/>
                  </a:lnTo>
                  <a:lnTo>
                    <a:pt x="2172068" y="744855"/>
                  </a:lnTo>
                  <a:close/>
                </a:path>
                <a:path w="2590165" h="799464">
                  <a:moveTo>
                    <a:pt x="2214499" y="602107"/>
                  </a:moveTo>
                  <a:lnTo>
                    <a:pt x="2186559" y="594487"/>
                  </a:lnTo>
                  <a:lnTo>
                    <a:pt x="2178939" y="622300"/>
                  </a:lnTo>
                  <a:lnTo>
                    <a:pt x="2206866" y="629920"/>
                  </a:lnTo>
                  <a:lnTo>
                    <a:pt x="2214499" y="602107"/>
                  </a:lnTo>
                  <a:close/>
                </a:path>
                <a:path w="2590165" h="799464">
                  <a:moveTo>
                    <a:pt x="2229993" y="743331"/>
                  </a:moveTo>
                  <a:lnTo>
                    <a:pt x="2229243" y="715137"/>
                  </a:lnTo>
                  <a:lnTo>
                    <a:pt x="2229218" y="714375"/>
                  </a:lnTo>
                  <a:lnTo>
                    <a:pt x="2200275" y="715137"/>
                  </a:lnTo>
                  <a:lnTo>
                    <a:pt x="2201011" y="743331"/>
                  </a:lnTo>
                  <a:lnTo>
                    <a:pt x="2201037" y="744093"/>
                  </a:lnTo>
                  <a:lnTo>
                    <a:pt x="2229993" y="743331"/>
                  </a:lnTo>
                  <a:close/>
                </a:path>
                <a:path w="2590165" h="799464">
                  <a:moveTo>
                    <a:pt x="2270366" y="617347"/>
                  </a:moveTo>
                  <a:lnTo>
                    <a:pt x="2242439" y="609727"/>
                  </a:lnTo>
                  <a:lnTo>
                    <a:pt x="2234819" y="637540"/>
                  </a:lnTo>
                  <a:lnTo>
                    <a:pt x="2262759" y="645160"/>
                  </a:lnTo>
                  <a:lnTo>
                    <a:pt x="2270366" y="617347"/>
                  </a:lnTo>
                  <a:close/>
                </a:path>
                <a:path w="2590165" h="799464">
                  <a:moveTo>
                    <a:pt x="2287905" y="741807"/>
                  </a:moveTo>
                  <a:lnTo>
                    <a:pt x="2287155" y="713613"/>
                  </a:lnTo>
                  <a:lnTo>
                    <a:pt x="2287143" y="712851"/>
                  </a:lnTo>
                  <a:lnTo>
                    <a:pt x="2258187" y="713613"/>
                  </a:lnTo>
                  <a:lnTo>
                    <a:pt x="2258923" y="741807"/>
                  </a:lnTo>
                  <a:lnTo>
                    <a:pt x="2258949" y="742569"/>
                  </a:lnTo>
                  <a:lnTo>
                    <a:pt x="2287905" y="741807"/>
                  </a:lnTo>
                  <a:close/>
                </a:path>
                <a:path w="2590165" h="799464">
                  <a:moveTo>
                    <a:pt x="2326259" y="632587"/>
                  </a:moveTo>
                  <a:lnTo>
                    <a:pt x="2298319" y="624967"/>
                  </a:lnTo>
                  <a:lnTo>
                    <a:pt x="2290699" y="652780"/>
                  </a:lnTo>
                  <a:lnTo>
                    <a:pt x="2318639" y="660527"/>
                  </a:lnTo>
                  <a:lnTo>
                    <a:pt x="2326259" y="632587"/>
                  </a:lnTo>
                  <a:close/>
                </a:path>
                <a:path w="2590165" h="799464">
                  <a:moveTo>
                    <a:pt x="2345817" y="740283"/>
                  </a:moveTo>
                  <a:lnTo>
                    <a:pt x="2345067" y="712089"/>
                  </a:lnTo>
                  <a:lnTo>
                    <a:pt x="2345055" y="711327"/>
                  </a:lnTo>
                  <a:lnTo>
                    <a:pt x="2316099" y="712089"/>
                  </a:lnTo>
                  <a:lnTo>
                    <a:pt x="2316835" y="740283"/>
                  </a:lnTo>
                  <a:lnTo>
                    <a:pt x="2316861" y="741045"/>
                  </a:lnTo>
                  <a:lnTo>
                    <a:pt x="2345817" y="740283"/>
                  </a:lnTo>
                  <a:close/>
                </a:path>
                <a:path w="2590165" h="799464">
                  <a:moveTo>
                    <a:pt x="2382139" y="647827"/>
                  </a:moveTo>
                  <a:lnTo>
                    <a:pt x="2354199" y="640207"/>
                  </a:lnTo>
                  <a:lnTo>
                    <a:pt x="2346579" y="668147"/>
                  </a:lnTo>
                  <a:lnTo>
                    <a:pt x="2374519" y="675767"/>
                  </a:lnTo>
                  <a:lnTo>
                    <a:pt x="2382139" y="647827"/>
                  </a:lnTo>
                  <a:close/>
                </a:path>
                <a:path w="2590165" h="799464">
                  <a:moveTo>
                    <a:pt x="2403729" y="738886"/>
                  </a:moveTo>
                  <a:lnTo>
                    <a:pt x="2402979" y="710692"/>
                  </a:lnTo>
                  <a:lnTo>
                    <a:pt x="2402967" y="709930"/>
                  </a:lnTo>
                  <a:lnTo>
                    <a:pt x="2374011" y="710692"/>
                  </a:lnTo>
                  <a:lnTo>
                    <a:pt x="2374747" y="738886"/>
                  </a:lnTo>
                  <a:lnTo>
                    <a:pt x="2374773" y="739648"/>
                  </a:lnTo>
                  <a:lnTo>
                    <a:pt x="2403729" y="738886"/>
                  </a:lnTo>
                  <a:close/>
                </a:path>
                <a:path w="2590165" h="799464">
                  <a:moveTo>
                    <a:pt x="2438019" y="663067"/>
                  </a:moveTo>
                  <a:lnTo>
                    <a:pt x="2410079" y="655447"/>
                  </a:lnTo>
                  <a:lnTo>
                    <a:pt x="2402459" y="683387"/>
                  </a:lnTo>
                  <a:lnTo>
                    <a:pt x="2430399" y="691007"/>
                  </a:lnTo>
                  <a:lnTo>
                    <a:pt x="2438019" y="663067"/>
                  </a:lnTo>
                  <a:close/>
                </a:path>
                <a:path w="2590165" h="799464">
                  <a:moveTo>
                    <a:pt x="2461641" y="737362"/>
                  </a:moveTo>
                  <a:lnTo>
                    <a:pt x="2460891" y="709168"/>
                  </a:lnTo>
                  <a:lnTo>
                    <a:pt x="2460879" y="708406"/>
                  </a:lnTo>
                  <a:lnTo>
                    <a:pt x="2431923" y="709168"/>
                  </a:lnTo>
                  <a:lnTo>
                    <a:pt x="2432659" y="737362"/>
                  </a:lnTo>
                  <a:lnTo>
                    <a:pt x="2432685" y="738124"/>
                  </a:lnTo>
                  <a:lnTo>
                    <a:pt x="2461641" y="737362"/>
                  </a:lnTo>
                  <a:close/>
                </a:path>
                <a:path w="2590165" h="799464">
                  <a:moveTo>
                    <a:pt x="2493899" y="678307"/>
                  </a:moveTo>
                  <a:lnTo>
                    <a:pt x="2465959" y="670687"/>
                  </a:lnTo>
                  <a:lnTo>
                    <a:pt x="2458339" y="698627"/>
                  </a:lnTo>
                  <a:lnTo>
                    <a:pt x="2486279" y="706247"/>
                  </a:lnTo>
                  <a:lnTo>
                    <a:pt x="2493899" y="678307"/>
                  </a:lnTo>
                  <a:close/>
                </a:path>
                <a:path w="2590165" h="799464">
                  <a:moveTo>
                    <a:pt x="2589784" y="719582"/>
                  </a:moveTo>
                  <a:lnTo>
                    <a:pt x="2589288" y="719353"/>
                  </a:lnTo>
                  <a:lnTo>
                    <a:pt x="2583713" y="714248"/>
                  </a:lnTo>
                  <a:lnTo>
                    <a:pt x="2552065" y="685927"/>
                  </a:lnTo>
                  <a:lnTo>
                    <a:pt x="2517013" y="654558"/>
                  </a:lnTo>
                  <a:lnTo>
                    <a:pt x="2509520" y="682015"/>
                  </a:lnTo>
                  <a:lnTo>
                    <a:pt x="2501900" y="678434"/>
                  </a:lnTo>
                  <a:lnTo>
                    <a:pt x="2502611" y="707009"/>
                  </a:lnTo>
                  <a:lnTo>
                    <a:pt x="2502611" y="707351"/>
                  </a:lnTo>
                  <a:lnTo>
                    <a:pt x="2489835" y="707644"/>
                  </a:lnTo>
                  <a:lnTo>
                    <a:pt x="2490571" y="735965"/>
                  </a:lnTo>
                  <a:lnTo>
                    <a:pt x="2490597" y="736600"/>
                  </a:lnTo>
                  <a:lnTo>
                    <a:pt x="2494661" y="736511"/>
                  </a:lnTo>
                  <a:lnTo>
                    <a:pt x="2494153" y="738378"/>
                  </a:lnTo>
                  <a:lnTo>
                    <a:pt x="2503335" y="736549"/>
                  </a:lnTo>
                  <a:lnTo>
                    <a:pt x="2504059" y="765175"/>
                  </a:lnTo>
                  <a:lnTo>
                    <a:pt x="2589784" y="719582"/>
                  </a:lnTo>
                  <a:close/>
                </a:path>
              </a:pathLst>
            </a:custGeom>
            <a:solidFill>
              <a:srgbClr val="7E7E7E"/>
            </a:solidFill>
          </p:spPr>
          <p:txBody>
            <a:bodyPr wrap="square" lIns="0" tIns="0" rIns="0" bIns="0" rtlCol="0"/>
            <a:lstStyle/>
            <a:p>
              <a:endParaRPr/>
            </a:p>
          </p:txBody>
        </p:sp>
        <p:sp>
          <p:nvSpPr>
            <p:cNvPr id="12" name="object 12"/>
            <p:cNvSpPr/>
            <p:nvPr/>
          </p:nvSpPr>
          <p:spPr>
            <a:xfrm>
              <a:off x="5250942" y="4278390"/>
              <a:ext cx="1649730" cy="6350"/>
            </a:xfrm>
            <a:custGeom>
              <a:avLst/>
              <a:gdLst/>
              <a:ahLst/>
              <a:cxnLst/>
              <a:rect l="l" t="t" r="r" b="b"/>
              <a:pathLst>
                <a:path w="1649729" h="6350">
                  <a:moveTo>
                    <a:pt x="1649603" y="5841"/>
                  </a:moveTo>
                  <a:lnTo>
                    <a:pt x="0" y="0"/>
                  </a:lnTo>
                </a:path>
              </a:pathLst>
            </a:custGeom>
            <a:ln w="38100">
              <a:solidFill>
                <a:srgbClr val="FF0000"/>
              </a:solidFill>
            </a:ln>
          </p:spPr>
          <p:txBody>
            <a:bodyPr wrap="square" lIns="0" tIns="0" rIns="0" bIns="0" rtlCol="0"/>
            <a:lstStyle/>
            <a:p>
              <a:endParaRPr/>
            </a:p>
          </p:txBody>
        </p:sp>
        <p:sp>
          <p:nvSpPr>
            <p:cNvPr id="13" name="object 13"/>
            <p:cNvSpPr/>
            <p:nvPr/>
          </p:nvSpPr>
          <p:spPr>
            <a:xfrm>
              <a:off x="5230622" y="2450444"/>
              <a:ext cx="473556" cy="1841140"/>
            </a:xfrm>
            <a:custGeom>
              <a:avLst/>
              <a:gdLst/>
              <a:ahLst/>
              <a:cxnLst/>
              <a:rect l="l" t="t" r="r" b="b"/>
              <a:pathLst>
                <a:path w="1065529" h="2282190">
                  <a:moveTo>
                    <a:pt x="995972" y="95964"/>
                  </a:moveTo>
                  <a:lnTo>
                    <a:pt x="0" y="2266314"/>
                  </a:lnTo>
                  <a:lnTo>
                    <a:pt x="34543" y="2282189"/>
                  </a:lnTo>
                  <a:lnTo>
                    <a:pt x="1030515" y="111842"/>
                  </a:lnTo>
                  <a:lnTo>
                    <a:pt x="995972" y="95964"/>
                  </a:lnTo>
                  <a:close/>
                </a:path>
                <a:path w="1065529" h="2282190">
                  <a:moveTo>
                    <a:pt x="1063536" y="78612"/>
                  </a:moveTo>
                  <a:lnTo>
                    <a:pt x="1003935" y="78612"/>
                  </a:lnTo>
                  <a:lnTo>
                    <a:pt x="1038478" y="94487"/>
                  </a:lnTo>
                  <a:lnTo>
                    <a:pt x="1030515" y="111842"/>
                  </a:lnTo>
                  <a:lnTo>
                    <a:pt x="1065149" y="127761"/>
                  </a:lnTo>
                  <a:lnTo>
                    <a:pt x="1063582" y="80009"/>
                  </a:lnTo>
                  <a:lnTo>
                    <a:pt x="1063536" y="78612"/>
                  </a:lnTo>
                  <a:close/>
                </a:path>
                <a:path w="1065529" h="2282190">
                  <a:moveTo>
                    <a:pt x="1003935" y="78612"/>
                  </a:moveTo>
                  <a:lnTo>
                    <a:pt x="995972" y="95964"/>
                  </a:lnTo>
                  <a:lnTo>
                    <a:pt x="1030515" y="111842"/>
                  </a:lnTo>
                  <a:lnTo>
                    <a:pt x="1038478" y="94487"/>
                  </a:lnTo>
                  <a:lnTo>
                    <a:pt x="1003935" y="78612"/>
                  </a:lnTo>
                  <a:close/>
                </a:path>
                <a:path w="1065529" h="2282190">
                  <a:moveTo>
                    <a:pt x="1060957" y="0"/>
                  </a:moveTo>
                  <a:lnTo>
                    <a:pt x="961263" y="80009"/>
                  </a:lnTo>
                  <a:lnTo>
                    <a:pt x="995972" y="95964"/>
                  </a:lnTo>
                  <a:lnTo>
                    <a:pt x="1003935" y="78612"/>
                  </a:lnTo>
                  <a:lnTo>
                    <a:pt x="1063536" y="78612"/>
                  </a:lnTo>
                  <a:lnTo>
                    <a:pt x="1060957" y="0"/>
                  </a:lnTo>
                  <a:close/>
                </a:path>
              </a:pathLst>
            </a:custGeom>
            <a:solidFill>
              <a:srgbClr val="FF0000"/>
            </a:solidFill>
            <a:ln w="19050">
              <a:solidFill>
                <a:srgbClr val="FF0000"/>
              </a:solidFill>
            </a:ln>
          </p:spPr>
          <p:txBody>
            <a:bodyPr wrap="square" lIns="0" tIns="0" rIns="0" bIns="0" rtlCol="0"/>
            <a:lstStyle/>
            <a:p>
              <a:endParaRPr dirty="0"/>
            </a:p>
          </p:txBody>
        </p:sp>
        <p:sp>
          <p:nvSpPr>
            <p:cNvPr id="14" name="object 14"/>
            <p:cNvSpPr/>
            <p:nvPr/>
          </p:nvSpPr>
          <p:spPr>
            <a:xfrm>
              <a:off x="4175252" y="3104388"/>
              <a:ext cx="99060" cy="360680"/>
            </a:xfrm>
            <a:custGeom>
              <a:avLst/>
              <a:gdLst/>
              <a:ahLst/>
              <a:cxnLst/>
              <a:rect l="l" t="t" r="r" b="b"/>
              <a:pathLst>
                <a:path w="99060" h="360679">
                  <a:moveTo>
                    <a:pt x="0" y="280415"/>
                  </a:moveTo>
                  <a:lnTo>
                    <a:pt x="29463" y="360299"/>
                  </a:lnTo>
                  <a:lnTo>
                    <a:pt x="69780" y="297941"/>
                  </a:lnTo>
                  <a:lnTo>
                    <a:pt x="42799" y="297941"/>
                  </a:lnTo>
                  <a:lnTo>
                    <a:pt x="30099" y="296545"/>
                  </a:lnTo>
                  <a:lnTo>
                    <a:pt x="31497" y="283903"/>
                  </a:lnTo>
                  <a:lnTo>
                    <a:pt x="0" y="280415"/>
                  </a:lnTo>
                  <a:close/>
                </a:path>
                <a:path w="99060" h="360679">
                  <a:moveTo>
                    <a:pt x="31497" y="283903"/>
                  </a:moveTo>
                  <a:lnTo>
                    <a:pt x="30099" y="296545"/>
                  </a:lnTo>
                  <a:lnTo>
                    <a:pt x="42799" y="297941"/>
                  </a:lnTo>
                  <a:lnTo>
                    <a:pt x="44189" y="285309"/>
                  </a:lnTo>
                  <a:lnTo>
                    <a:pt x="31497" y="283903"/>
                  </a:lnTo>
                  <a:close/>
                </a:path>
                <a:path w="99060" h="360679">
                  <a:moveTo>
                    <a:pt x="44189" y="285309"/>
                  </a:moveTo>
                  <a:lnTo>
                    <a:pt x="42799" y="297941"/>
                  </a:lnTo>
                  <a:lnTo>
                    <a:pt x="69780" y="297941"/>
                  </a:lnTo>
                  <a:lnTo>
                    <a:pt x="75692" y="288798"/>
                  </a:lnTo>
                  <a:lnTo>
                    <a:pt x="44189" y="285309"/>
                  </a:lnTo>
                  <a:close/>
                </a:path>
                <a:path w="99060" h="360679">
                  <a:moveTo>
                    <a:pt x="54608" y="74996"/>
                  </a:moveTo>
                  <a:lnTo>
                    <a:pt x="31497" y="283903"/>
                  </a:lnTo>
                  <a:lnTo>
                    <a:pt x="44189" y="285309"/>
                  </a:lnTo>
                  <a:lnTo>
                    <a:pt x="67189" y="76387"/>
                  </a:lnTo>
                  <a:lnTo>
                    <a:pt x="54608" y="74996"/>
                  </a:lnTo>
                  <a:close/>
                </a:path>
                <a:path w="99060" h="360679">
                  <a:moveTo>
                    <a:pt x="92313" y="62357"/>
                  </a:moveTo>
                  <a:lnTo>
                    <a:pt x="56007" y="62357"/>
                  </a:lnTo>
                  <a:lnTo>
                    <a:pt x="68580" y="63753"/>
                  </a:lnTo>
                  <a:lnTo>
                    <a:pt x="67189" y="76387"/>
                  </a:lnTo>
                  <a:lnTo>
                    <a:pt x="98806" y="79883"/>
                  </a:lnTo>
                  <a:lnTo>
                    <a:pt x="92313" y="62357"/>
                  </a:lnTo>
                  <a:close/>
                </a:path>
                <a:path w="99060" h="360679">
                  <a:moveTo>
                    <a:pt x="56007" y="62357"/>
                  </a:moveTo>
                  <a:lnTo>
                    <a:pt x="54608" y="74996"/>
                  </a:lnTo>
                  <a:lnTo>
                    <a:pt x="67189" y="76387"/>
                  </a:lnTo>
                  <a:lnTo>
                    <a:pt x="68580" y="63753"/>
                  </a:lnTo>
                  <a:lnTo>
                    <a:pt x="56007" y="62357"/>
                  </a:lnTo>
                  <a:close/>
                </a:path>
                <a:path w="99060" h="360679">
                  <a:moveTo>
                    <a:pt x="69214" y="0"/>
                  </a:moveTo>
                  <a:lnTo>
                    <a:pt x="22987" y="71500"/>
                  </a:lnTo>
                  <a:lnTo>
                    <a:pt x="54608" y="74996"/>
                  </a:lnTo>
                  <a:lnTo>
                    <a:pt x="56007" y="62357"/>
                  </a:lnTo>
                  <a:lnTo>
                    <a:pt x="92313" y="62357"/>
                  </a:lnTo>
                  <a:lnTo>
                    <a:pt x="69214" y="0"/>
                  </a:lnTo>
                  <a:close/>
                </a:path>
              </a:pathLst>
            </a:custGeom>
            <a:solidFill>
              <a:srgbClr val="000000"/>
            </a:solidFill>
          </p:spPr>
          <p:txBody>
            <a:bodyPr wrap="square" lIns="0" tIns="0" rIns="0" bIns="0" rtlCol="0"/>
            <a:lstStyle/>
            <a:p>
              <a:endParaRPr/>
            </a:p>
          </p:txBody>
        </p:sp>
      </p:grpSp>
      <p:sp>
        <p:nvSpPr>
          <p:cNvPr id="15" name="object 15"/>
          <p:cNvSpPr txBox="1"/>
          <p:nvPr/>
        </p:nvSpPr>
        <p:spPr>
          <a:xfrm>
            <a:off x="7531734" y="3862196"/>
            <a:ext cx="482600" cy="299720"/>
          </a:xfrm>
          <a:prstGeom prst="rect">
            <a:avLst/>
          </a:prstGeom>
        </p:spPr>
        <p:txBody>
          <a:bodyPr vert="horz" wrap="square" lIns="0" tIns="12700" rIns="0" bIns="0" rtlCol="0">
            <a:spAutoFit/>
          </a:bodyPr>
          <a:lstStyle/>
          <a:p>
            <a:pPr marL="12700">
              <a:spcBef>
                <a:spcPts val="100"/>
              </a:spcBef>
            </a:pPr>
            <a:r>
              <a:rPr b="1" spc="-25" dirty="0">
                <a:solidFill>
                  <a:srgbClr val="FF0000"/>
                </a:solidFill>
                <a:latin typeface="メイリオ"/>
                <a:cs typeface="メイリオ"/>
              </a:rPr>
              <a:t>誤差</a:t>
            </a:r>
            <a:endParaRPr>
              <a:latin typeface="メイリオ"/>
              <a:cs typeface="メイリオ"/>
            </a:endParaRPr>
          </a:p>
        </p:txBody>
      </p:sp>
      <p:sp>
        <p:nvSpPr>
          <p:cNvPr id="16" name="object 16"/>
          <p:cNvSpPr txBox="1"/>
          <p:nvPr/>
        </p:nvSpPr>
        <p:spPr>
          <a:xfrm>
            <a:off x="6991222" y="2222119"/>
            <a:ext cx="576580" cy="299720"/>
          </a:xfrm>
          <a:prstGeom prst="rect">
            <a:avLst/>
          </a:prstGeom>
        </p:spPr>
        <p:txBody>
          <a:bodyPr vert="horz" wrap="square" lIns="0" tIns="12700" rIns="0" bIns="0" rtlCol="0">
            <a:spAutoFit/>
          </a:bodyPr>
          <a:lstStyle/>
          <a:p>
            <a:pPr marL="38100">
              <a:spcBef>
                <a:spcPts val="100"/>
              </a:spcBef>
            </a:pPr>
            <a:r>
              <a:rPr sz="2700" spc="-30" baseline="10802" dirty="0">
                <a:solidFill>
                  <a:srgbClr val="FF0000"/>
                </a:solidFill>
                <a:latin typeface="Cambria Math"/>
                <a:cs typeface="Cambria Math"/>
              </a:rPr>
              <a:t>𝑾</a:t>
            </a:r>
            <a:r>
              <a:rPr sz="1300" spc="-20" dirty="0">
                <a:solidFill>
                  <a:srgbClr val="FF0000"/>
                </a:solidFill>
                <a:latin typeface="Cambria Math"/>
                <a:cs typeface="Cambria Math"/>
              </a:rPr>
              <a:t>𝒐𝒖𝒕</a:t>
            </a:r>
            <a:endParaRPr sz="1300">
              <a:latin typeface="Cambria Math"/>
              <a:cs typeface="Cambria Math"/>
            </a:endParaRPr>
          </a:p>
        </p:txBody>
      </p:sp>
      <p:sp>
        <p:nvSpPr>
          <p:cNvPr id="17" name="object 17"/>
          <p:cNvSpPr txBox="1"/>
          <p:nvPr/>
        </p:nvSpPr>
        <p:spPr>
          <a:xfrm>
            <a:off x="3666109" y="2175509"/>
            <a:ext cx="473709" cy="299720"/>
          </a:xfrm>
          <a:prstGeom prst="rect">
            <a:avLst/>
          </a:prstGeom>
        </p:spPr>
        <p:txBody>
          <a:bodyPr vert="horz" wrap="square" lIns="0" tIns="12700" rIns="0" bIns="0" rtlCol="0">
            <a:spAutoFit/>
          </a:bodyPr>
          <a:lstStyle/>
          <a:p>
            <a:pPr marL="38100">
              <a:spcBef>
                <a:spcPts val="100"/>
              </a:spcBef>
            </a:pPr>
            <a:r>
              <a:rPr sz="2700" spc="-37" baseline="10802" dirty="0">
                <a:latin typeface="Cambria Math"/>
                <a:cs typeface="Cambria Math"/>
              </a:rPr>
              <a:t>𝑾</a:t>
            </a:r>
            <a:r>
              <a:rPr sz="1300" spc="-25" dirty="0">
                <a:latin typeface="Cambria Math"/>
                <a:cs typeface="Cambria Math"/>
              </a:rPr>
              <a:t>𝒊𝒏</a:t>
            </a:r>
            <a:endParaRPr sz="1300">
              <a:latin typeface="Cambria Math"/>
              <a:cs typeface="Cambria Math"/>
            </a:endParaRPr>
          </a:p>
        </p:txBody>
      </p:sp>
      <p:sp>
        <p:nvSpPr>
          <p:cNvPr id="18" name="object 18"/>
          <p:cNvSpPr txBox="1"/>
          <p:nvPr/>
        </p:nvSpPr>
        <p:spPr>
          <a:xfrm>
            <a:off x="6149975" y="3430904"/>
            <a:ext cx="567690" cy="299720"/>
          </a:xfrm>
          <a:prstGeom prst="rect">
            <a:avLst/>
          </a:prstGeom>
        </p:spPr>
        <p:txBody>
          <a:bodyPr vert="horz" wrap="square" lIns="0" tIns="12700" rIns="0" bIns="0" rtlCol="0">
            <a:spAutoFit/>
          </a:bodyPr>
          <a:lstStyle/>
          <a:p>
            <a:pPr marL="38100">
              <a:spcBef>
                <a:spcPts val="100"/>
              </a:spcBef>
            </a:pPr>
            <a:r>
              <a:rPr sz="2700" spc="-30" baseline="10802" dirty="0">
                <a:latin typeface="Cambria Math"/>
                <a:cs typeface="Cambria Math"/>
              </a:rPr>
              <a:t>𝑾</a:t>
            </a:r>
            <a:r>
              <a:rPr sz="1300" spc="-20" dirty="0">
                <a:latin typeface="Cambria Math"/>
                <a:cs typeface="Cambria Math"/>
              </a:rPr>
              <a:t>𝒓𝒆𝒔</a:t>
            </a:r>
            <a:endParaRPr sz="1300">
              <a:latin typeface="Cambria Math"/>
              <a:cs typeface="Cambria Math"/>
            </a:endParaRPr>
          </a:p>
        </p:txBody>
      </p:sp>
      <p:pic>
        <p:nvPicPr>
          <p:cNvPr id="19" name="object 19"/>
          <p:cNvPicPr/>
          <p:nvPr/>
        </p:nvPicPr>
        <p:blipFill>
          <a:blip r:embed="rId3" cstate="print"/>
          <a:stretch>
            <a:fillRect/>
          </a:stretch>
        </p:blipFill>
        <p:spPr>
          <a:xfrm>
            <a:off x="2690356" y="1083563"/>
            <a:ext cx="245249" cy="211836"/>
          </a:xfrm>
          <a:prstGeom prst="rect">
            <a:avLst/>
          </a:prstGeom>
        </p:spPr>
      </p:pic>
      <p:pic>
        <p:nvPicPr>
          <p:cNvPr id="20" name="object 20"/>
          <p:cNvPicPr/>
          <p:nvPr/>
        </p:nvPicPr>
        <p:blipFill>
          <a:blip r:embed="rId4" cstate="print"/>
          <a:stretch>
            <a:fillRect/>
          </a:stretch>
        </p:blipFill>
        <p:spPr>
          <a:xfrm>
            <a:off x="9652128" y="915162"/>
            <a:ext cx="245237" cy="211709"/>
          </a:xfrm>
          <a:prstGeom prst="rect">
            <a:avLst/>
          </a:prstGeom>
        </p:spPr>
      </p:pic>
      <p:sp>
        <p:nvSpPr>
          <p:cNvPr id="21" name="object 21"/>
          <p:cNvSpPr txBox="1"/>
          <p:nvPr/>
        </p:nvSpPr>
        <p:spPr>
          <a:xfrm>
            <a:off x="9483343" y="844119"/>
            <a:ext cx="353060" cy="300355"/>
          </a:xfrm>
          <a:prstGeom prst="rect">
            <a:avLst/>
          </a:prstGeom>
        </p:spPr>
        <p:txBody>
          <a:bodyPr vert="horz" wrap="square" lIns="0" tIns="12700" rIns="0" bIns="0" rtlCol="0">
            <a:spAutoFit/>
          </a:bodyPr>
          <a:lstStyle/>
          <a:p>
            <a:pPr marL="12700">
              <a:spcBef>
                <a:spcPts val="100"/>
              </a:spcBef>
            </a:pPr>
            <a:r>
              <a:rPr dirty="0">
                <a:latin typeface="Cambria Math"/>
                <a:cs typeface="Cambria Math"/>
              </a:rPr>
              <a:t>𝒚</a:t>
            </a:r>
            <a:r>
              <a:rPr spc="350" dirty="0">
                <a:latin typeface="Cambria Math"/>
                <a:cs typeface="Cambria Math"/>
              </a:rPr>
              <a:t> </a:t>
            </a:r>
            <a:r>
              <a:rPr spc="-50" dirty="0">
                <a:latin typeface="Cambria Math"/>
                <a:cs typeface="Cambria Math"/>
              </a:rPr>
              <a:t>𝒕</a:t>
            </a:r>
            <a:endParaRPr>
              <a:latin typeface="Cambria Math"/>
              <a:cs typeface="Cambria Math"/>
            </a:endParaRPr>
          </a:p>
        </p:txBody>
      </p:sp>
      <p:pic>
        <p:nvPicPr>
          <p:cNvPr id="22" name="object 22"/>
          <p:cNvPicPr/>
          <p:nvPr/>
        </p:nvPicPr>
        <p:blipFill>
          <a:blip r:embed="rId5" cstate="print"/>
          <a:stretch>
            <a:fillRect/>
          </a:stretch>
        </p:blipFill>
        <p:spPr>
          <a:xfrm>
            <a:off x="6133084" y="1128902"/>
            <a:ext cx="245110" cy="211836"/>
          </a:xfrm>
          <a:prstGeom prst="rect">
            <a:avLst/>
          </a:prstGeom>
        </p:spPr>
      </p:pic>
      <p:sp>
        <p:nvSpPr>
          <p:cNvPr id="23" name="object 23"/>
          <p:cNvSpPr txBox="1"/>
          <p:nvPr/>
        </p:nvSpPr>
        <p:spPr>
          <a:xfrm>
            <a:off x="5968365" y="1058417"/>
            <a:ext cx="342900" cy="299720"/>
          </a:xfrm>
          <a:prstGeom prst="rect">
            <a:avLst/>
          </a:prstGeom>
        </p:spPr>
        <p:txBody>
          <a:bodyPr vert="horz" wrap="square" lIns="0" tIns="12700" rIns="0" bIns="0" rtlCol="0">
            <a:spAutoFit/>
          </a:bodyPr>
          <a:lstStyle/>
          <a:p>
            <a:pPr marL="12700">
              <a:spcBef>
                <a:spcPts val="100"/>
              </a:spcBef>
            </a:pPr>
            <a:r>
              <a:rPr dirty="0">
                <a:latin typeface="Cambria Math"/>
                <a:cs typeface="Cambria Math"/>
              </a:rPr>
              <a:t>𝒙</a:t>
            </a:r>
            <a:r>
              <a:rPr spc="355" dirty="0">
                <a:latin typeface="Cambria Math"/>
                <a:cs typeface="Cambria Math"/>
              </a:rPr>
              <a:t> </a:t>
            </a:r>
            <a:r>
              <a:rPr spc="-50" dirty="0">
                <a:latin typeface="Cambria Math"/>
                <a:cs typeface="Cambria Math"/>
              </a:rPr>
              <a:t>𝑡</a:t>
            </a:r>
            <a:endParaRPr>
              <a:latin typeface="Cambria Math"/>
              <a:cs typeface="Cambria Math"/>
            </a:endParaRPr>
          </a:p>
        </p:txBody>
      </p:sp>
      <p:grpSp>
        <p:nvGrpSpPr>
          <p:cNvPr id="24" name="object 24"/>
          <p:cNvGrpSpPr/>
          <p:nvPr/>
        </p:nvGrpSpPr>
        <p:grpSpPr>
          <a:xfrm>
            <a:off x="348915" y="5880226"/>
            <a:ext cx="11730789" cy="801244"/>
            <a:chOff x="108013" y="5769673"/>
            <a:chExt cx="8975725" cy="1026160"/>
          </a:xfrm>
        </p:grpSpPr>
        <p:sp>
          <p:nvSpPr>
            <p:cNvPr id="25" name="object 25"/>
            <p:cNvSpPr/>
            <p:nvPr/>
          </p:nvSpPr>
          <p:spPr>
            <a:xfrm>
              <a:off x="112776" y="5774435"/>
              <a:ext cx="8966200" cy="1016635"/>
            </a:xfrm>
            <a:custGeom>
              <a:avLst/>
              <a:gdLst/>
              <a:ahLst/>
              <a:cxnLst/>
              <a:rect l="l" t="t" r="r" b="b"/>
              <a:pathLst>
                <a:path w="8966200" h="1016634">
                  <a:moveTo>
                    <a:pt x="8965692" y="0"/>
                  </a:moveTo>
                  <a:lnTo>
                    <a:pt x="0" y="0"/>
                  </a:lnTo>
                  <a:lnTo>
                    <a:pt x="0" y="1016507"/>
                  </a:lnTo>
                  <a:lnTo>
                    <a:pt x="8965692" y="1016507"/>
                  </a:lnTo>
                  <a:lnTo>
                    <a:pt x="8965692" y="0"/>
                  </a:lnTo>
                  <a:close/>
                </a:path>
              </a:pathLst>
            </a:custGeom>
            <a:solidFill>
              <a:srgbClr val="FFFFFF"/>
            </a:solidFill>
          </p:spPr>
          <p:txBody>
            <a:bodyPr wrap="square" lIns="0" tIns="0" rIns="0" bIns="0" rtlCol="0"/>
            <a:lstStyle/>
            <a:p>
              <a:endParaRPr/>
            </a:p>
          </p:txBody>
        </p:sp>
        <p:sp>
          <p:nvSpPr>
            <p:cNvPr id="26" name="object 26"/>
            <p:cNvSpPr/>
            <p:nvPr/>
          </p:nvSpPr>
          <p:spPr>
            <a:xfrm>
              <a:off x="112776" y="5774435"/>
              <a:ext cx="8966200" cy="1016635"/>
            </a:xfrm>
            <a:custGeom>
              <a:avLst/>
              <a:gdLst/>
              <a:ahLst/>
              <a:cxnLst/>
              <a:rect l="l" t="t" r="r" b="b"/>
              <a:pathLst>
                <a:path w="8966200" h="1016634">
                  <a:moveTo>
                    <a:pt x="0" y="1016507"/>
                  </a:moveTo>
                  <a:lnTo>
                    <a:pt x="8965692" y="1016507"/>
                  </a:lnTo>
                  <a:lnTo>
                    <a:pt x="8965692" y="0"/>
                  </a:lnTo>
                  <a:lnTo>
                    <a:pt x="0" y="0"/>
                  </a:lnTo>
                  <a:lnTo>
                    <a:pt x="0" y="1016507"/>
                  </a:lnTo>
                  <a:close/>
                </a:path>
              </a:pathLst>
            </a:custGeom>
            <a:ln w="9144">
              <a:solidFill>
                <a:srgbClr val="5B9BD4"/>
              </a:solidFill>
            </a:ln>
          </p:spPr>
          <p:txBody>
            <a:bodyPr wrap="square" lIns="0" tIns="0" rIns="0" bIns="0" rtlCol="0"/>
            <a:lstStyle/>
            <a:p>
              <a:endParaRPr/>
            </a:p>
          </p:txBody>
        </p:sp>
      </p:grpSp>
      <p:sp>
        <p:nvSpPr>
          <p:cNvPr id="27" name="object 27"/>
          <p:cNvSpPr txBox="1"/>
          <p:nvPr/>
        </p:nvSpPr>
        <p:spPr>
          <a:xfrm>
            <a:off x="479275" y="5987312"/>
            <a:ext cx="11594205" cy="628377"/>
          </a:xfrm>
          <a:prstGeom prst="rect">
            <a:avLst/>
          </a:prstGeom>
        </p:spPr>
        <p:txBody>
          <a:bodyPr vert="horz" wrap="square" lIns="0" tIns="12700" rIns="0" bIns="0" rtlCol="0">
            <a:spAutoFit/>
          </a:bodyPr>
          <a:lstStyle/>
          <a:p>
            <a:pPr marL="12700" marR="5080">
              <a:spcBef>
                <a:spcPts val="100"/>
              </a:spcBef>
            </a:pPr>
            <a:r>
              <a:rPr sz="2000" b="1" spc="-20" dirty="0">
                <a:latin typeface="メイリオ"/>
                <a:cs typeface="メイリオ"/>
              </a:rPr>
              <a:t>出力と教師信号との誤差をもとに重みを調整することで、リアルタイムで</a:t>
            </a:r>
            <a:r>
              <a:rPr sz="2000" b="1" spc="-10" dirty="0">
                <a:latin typeface="メイリオ"/>
                <a:cs typeface="メイリオ"/>
              </a:rPr>
              <a:t>学習を行うことができる！</a:t>
            </a:r>
            <a:endParaRPr sz="2000" dirty="0">
              <a:latin typeface="メイリオ"/>
              <a:cs typeface="メイリオ"/>
            </a:endParaRPr>
          </a:p>
          <a:p>
            <a:pPr marL="12700"/>
            <a:r>
              <a:rPr sz="2000" b="1" spc="-10" dirty="0">
                <a:latin typeface="Century Gothic"/>
                <a:cs typeface="Century Gothic"/>
              </a:rPr>
              <a:t>→</a:t>
            </a:r>
            <a:r>
              <a:rPr sz="2000" b="1" spc="-20" dirty="0">
                <a:latin typeface="メイリオ"/>
                <a:cs typeface="メイリオ"/>
              </a:rPr>
              <a:t>基本構造がシンプルながら、様々な学習に応用が可能！</a:t>
            </a:r>
            <a:endParaRPr sz="2000" dirty="0">
              <a:latin typeface="メイリオ"/>
              <a:cs typeface="メイリオ"/>
            </a:endParaRPr>
          </a:p>
        </p:txBody>
      </p:sp>
      <p:grpSp>
        <p:nvGrpSpPr>
          <p:cNvPr id="28" name="object 28"/>
          <p:cNvGrpSpPr/>
          <p:nvPr/>
        </p:nvGrpSpPr>
        <p:grpSpPr>
          <a:xfrm>
            <a:off x="1687335" y="1429511"/>
            <a:ext cx="7122159" cy="1637030"/>
            <a:chOff x="163334" y="1429511"/>
            <a:chExt cx="7122159" cy="1637030"/>
          </a:xfrm>
        </p:grpSpPr>
        <p:sp>
          <p:nvSpPr>
            <p:cNvPr id="29" name="object 29"/>
            <p:cNvSpPr/>
            <p:nvPr/>
          </p:nvSpPr>
          <p:spPr>
            <a:xfrm>
              <a:off x="6923532" y="2727959"/>
              <a:ext cx="355600" cy="332740"/>
            </a:xfrm>
            <a:custGeom>
              <a:avLst/>
              <a:gdLst/>
              <a:ahLst/>
              <a:cxnLst/>
              <a:rect l="l" t="t" r="r" b="b"/>
              <a:pathLst>
                <a:path w="355600" h="332739">
                  <a:moveTo>
                    <a:pt x="177546" y="0"/>
                  </a:moveTo>
                  <a:lnTo>
                    <a:pt x="130351" y="5937"/>
                  </a:lnTo>
                  <a:lnTo>
                    <a:pt x="87940" y="22690"/>
                  </a:lnTo>
                  <a:lnTo>
                    <a:pt x="52006" y="48672"/>
                  </a:lnTo>
                  <a:lnTo>
                    <a:pt x="24242" y="82296"/>
                  </a:lnTo>
                  <a:lnTo>
                    <a:pt x="6342" y="121972"/>
                  </a:lnTo>
                  <a:lnTo>
                    <a:pt x="0" y="166115"/>
                  </a:lnTo>
                  <a:lnTo>
                    <a:pt x="6342" y="210259"/>
                  </a:lnTo>
                  <a:lnTo>
                    <a:pt x="24242" y="249936"/>
                  </a:lnTo>
                  <a:lnTo>
                    <a:pt x="52006" y="283559"/>
                  </a:lnTo>
                  <a:lnTo>
                    <a:pt x="87940" y="309541"/>
                  </a:lnTo>
                  <a:lnTo>
                    <a:pt x="130351" y="326294"/>
                  </a:lnTo>
                  <a:lnTo>
                    <a:pt x="177546" y="332231"/>
                  </a:lnTo>
                  <a:lnTo>
                    <a:pt x="224740" y="326294"/>
                  </a:lnTo>
                  <a:lnTo>
                    <a:pt x="267151" y="309541"/>
                  </a:lnTo>
                  <a:lnTo>
                    <a:pt x="303085" y="283559"/>
                  </a:lnTo>
                  <a:lnTo>
                    <a:pt x="330849" y="249936"/>
                  </a:lnTo>
                  <a:lnTo>
                    <a:pt x="348749" y="210259"/>
                  </a:lnTo>
                  <a:lnTo>
                    <a:pt x="355092" y="166115"/>
                  </a:lnTo>
                  <a:lnTo>
                    <a:pt x="348749" y="121972"/>
                  </a:lnTo>
                  <a:lnTo>
                    <a:pt x="330849" y="82295"/>
                  </a:lnTo>
                  <a:lnTo>
                    <a:pt x="303085" y="48672"/>
                  </a:lnTo>
                  <a:lnTo>
                    <a:pt x="267151" y="22690"/>
                  </a:lnTo>
                  <a:lnTo>
                    <a:pt x="224740" y="5937"/>
                  </a:lnTo>
                  <a:lnTo>
                    <a:pt x="177546" y="0"/>
                  </a:lnTo>
                  <a:close/>
                </a:path>
              </a:pathLst>
            </a:custGeom>
            <a:solidFill>
              <a:srgbClr val="FAE4D5"/>
            </a:solidFill>
          </p:spPr>
          <p:txBody>
            <a:bodyPr wrap="square" lIns="0" tIns="0" rIns="0" bIns="0" rtlCol="0"/>
            <a:lstStyle/>
            <a:p>
              <a:endParaRPr/>
            </a:p>
          </p:txBody>
        </p:sp>
        <p:sp>
          <p:nvSpPr>
            <p:cNvPr id="30" name="object 30"/>
            <p:cNvSpPr/>
            <p:nvPr/>
          </p:nvSpPr>
          <p:spPr>
            <a:xfrm>
              <a:off x="6923532" y="2727959"/>
              <a:ext cx="355600" cy="332740"/>
            </a:xfrm>
            <a:custGeom>
              <a:avLst/>
              <a:gdLst/>
              <a:ahLst/>
              <a:cxnLst/>
              <a:rect l="l" t="t" r="r" b="b"/>
              <a:pathLst>
                <a:path w="355600" h="332739">
                  <a:moveTo>
                    <a:pt x="0" y="166115"/>
                  </a:moveTo>
                  <a:lnTo>
                    <a:pt x="6342" y="121972"/>
                  </a:lnTo>
                  <a:lnTo>
                    <a:pt x="24242" y="82296"/>
                  </a:lnTo>
                  <a:lnTo>
                    <a:pt x="52006" y="48672"/>
                  </a:lnTo>
                  <a:lnTo>
                    <a:pt x="87940" y="22690"/>
                  </a:lnTo>
                  <a:lnTo>
                    <a:pt x="130351" y="5937"/>
                  </a:lnTo>
                  <a:lnTo>
                    <a:pt x="177546" y="0"/>
                  </a:lnTo>
                  <a:lnTo>
                    <a:pt x="224740" y="5937"/>
                  </a:lnTo>
                  <a:lnTo>
                    <a:pt x="267151" y="22690"/>
                  </a:lnTo>
                  <a:lnTo>
                    <a:pt x="303085" y="48672"/>
                  </a:lnTo>
                  <a:lnTo>
                    <a:pt x="330849" y="82295"/>
                  </a:lnTo>
                  <a:lnTo>
                    <a:pt x="348749" y="121972"/>
                  </a:lnTo>
                  <a:lnTo>
                    <a:pt x="355092" y="166115"/>
                  </a:lnTo>
                  <a:lnTo>
                    <a:pt x="348749" y="210259"/>
                  </a:lnTo>
                  <a:lnTo>
                    <a:pt x="330849" y="249936"/>
                  </a:lnTo>
                  <a:lnTo>
                    <a:pt x="303085" y="283559"/>
                  </a:lnTo>
                  <a:lnTo>
                    <a:pt x="267151" y="309541"/>
                  </a:lnTo>
                  <a:lnTo>
                    <a:pt x="224740" y="326294"/>
                  </a:lnTo>
                  <a:lnTo>
                    <a:pt x="177546" y="332231"/>
                  </a:lnTo>
                  <a:lnTo>
                    <a:pt x="130351" y="326294"/>
                  </a:lnTo>
                  <a:lnTo>
                    <a:pt x="87940" y="309541"/>
                  </a:lnTo>
                  <a:lnTo>
                    <a:pt x="52006" y="283559"/>
                  </a:lnTo>
                  <a:lnTo>
                    <a:pt x="24242" y="249936"/>
                  </a:lnTo>
                  <a:lnTo>
                    <a:pt x="6342" y="210259"/>
                  </a:lnTo>
                  <a:lnTo>
                    <a:pt x="0" y="166115"/>
                  </a:lnTo>
                  <a:close/>
                </a:path>
              </a:pathLst>
            </a:custGeom>
            <a:ln w="12192">
              <a:solidFill>
                <a:srgbClr val="000000"/>
              </a:solidFill>
            </a:ln>
          </p:spPr>
          <p:txBody>
            <a:bodyPr wrap="square" lIns="0" tIns="0" rIns="0" bIns="0" rtlCol="0"/>
            <a:lstStyle/>
            <a:p>
              <a:endParaRPr/>
            </a:p>
          </p:txBody>
        </p:sp>
        <p:sp>
          <p:nvSpPr>
            <p:cNvPr id="31" name="object 31"/>
            <p:cNvSpPr/>
            <p:nvPr/>
          </p:nvSpPr>
          <p:spPr>
            <a:xfrm>
              <a:off x="1217675" y="2586227"/>
              <a:ext cx="356870" cy="330835"/>
            </a:xfrm>
            <a:custGeom>
              <a:avLst/>
              <a:gdLst/>
              <a:ahLst/>
              <a:cxnLst/>
              <a:rect l="l" t="t" r="r" b="b"/>
              <a:pathLst>
                <a:path w="356869" h="330835">
                  <a:moveTo>
                    <a:pt x="178308" y="0"/>
                  </a:moveTo>
                  <a:lnTo>
                    <a:pt x="130924" y="5907"/>
                  </a:lnTo>
                  <a:lnTo>
                    <a:pt x="88335" y="22577"/>
                  </a:lnTo>
                  <a:lnTo>
                    <a:pt x="52244" y="48434"/>
                  </a:lnTo>
                  <a:lnTo>
                    <a:pt x="24355" y="81900"/>
                  </a:lnTo>
                  <a:lnTo>
                    <a:pt x="6372" y="121399"/>
                  </a:lnTo>
                  <a:lnTo>
                    <a:pt x="0" y="165354"/>
                  </a:lnTo>
                  <a:lnTo>
                    <a:pt x="6372" y="209308"/>
                  </a:lnTo>
                  <a:lnTo>
                    <a:pt x="24355" y="248807"/>
                  </a:lnTo>
                  <a:lnTo>
                    <a:pt x="52244" y="282273"/>
                  </a:lnTo>
                  <a:lnTo>
                    <a:pt x="88335" y="308130"/>
                  </a:lnTo>
                  <a:lnTo>
                    <a:pt x="130924" y="324800"/>
                  </a:lnTo>
                  <a:lnTo>
                    <a:pt x="178308" y="330708"/>
                  </a:lnTo>
                  <a:lnTo>
                    <a:pt x="225691" y="324800"/>
                  </a:lnTo>
                  <a:lnTo>
                    <a:pt x="268280" y="308130"/>
                  </a:lnTo>
                  <a:lnTo>
                    <a:pt x="304371" y="282273"/>
                  </a:lnTo>
                  <a:lnTo>
                    <a:pt x="332260" y="248807"/>
                  </a:lnTo>
                  <a:lnTo>
                    <a:pt x="350243" y="209308"/>
                  </a:lnTo>
                  <a:lnTo>
                    <a:pt x="356616" y="165354"/>
                  </a:lnTo>
                  <a:lnTo>
                    <a:pt x="350243" y="121399"/>
                  </a:lnTo>
                  <a:lnTo>
                    <a:pt x="332260" y="81900"/>
                  </a:lnTo>
                  <a:lnTo>
                    <a:pt x="304371" y="48434"/>
                  </a:lnTo>
                  <a:lnTo>
                    <a:pt x="268280" y="22577"/>
                  </a:lnTo>
                  <a:lnTo>
                    <a:pt x="225691" y="5907"/>
                  </a:lnTo>
                  <a:lnTo>
                    <a:pt x="178308" y="0"/>
                  </a:lnTo>
                  <a:close/>
                </a:path>
              </a:pathLst>
            </a:custGeom>
            <a:solidFill>
              <a:srgbClr val="FAE4D5"/>
            </a:solidFill>
          </p:spPr>
          <p:txBody>
            <a:bodyPr wrap="square" lIns="0" tIns="0" rIns="0" bIns="0" rtlCol="0"/>
            <a:lstStyle/>
            <a:p>
              <a:endParaRPr/>
            </a:p>
          </p:txBody>
        </p:sp>
        <p:sp>
          <p:nvSpPr>
            <p:cNvPr id="32" name="object 32"/>
            <p:cNvSpPr/>
            <p:nvPr/>
          </p:nvSpPr>
          <p:spPr>
            <a:xfrm>
              <a:off x="1217675" y="2586227"/>
              <a:ext cx="356870" cy="330835"/>
            </a:xfrm>
            <a:custGeom>
              <a:avLst/>
              <a:gdLst/>
              <a:ahLst/>
              <a:cxnLst/>
              <a:rect l="l" t="t" r="r" b="b"/>
              <a:pathLst>
                <a:path w="356869" h="330835">
                  <a:moveTo>
                    <a:pt x="0" y="165354"/>
                  </a:moveTo>
                  <a:lnTo>
                    <a:pt x="6372" y="121399"/>
                  </a:lnTo>
                  <a:lnTo>
                    <a:pt x="24355" y="81900"/>
                  </a:lnTo>
                  <a:lnTo>
                    <a:pt x="52244" y="48434"/>
                  </a:lnTo>
                  <a:lnTo>
                    <a:pt x="88335" y="22577"/>
                  </a:lnTo>
                  <a:lnTo>
                    <a:pt x="130924" y="5907"/>
                  </a:lnTo>
                  <a:lnTo>
                    <a:pt x="178308" y="0"/>
                  </a:lnTo>
                  <a:lnTo>
                    <a:pt x="225691" y="5907"/>
                  </a:lnTo>
                  <a:lnTo>
                    <a:pt x="268280" y="22577"/>
                  </a:lnTo>
                  <a:lnTo>
                    <a:pt x="304371" y="48434"/>
                  </a:lnTo>
                  <a:lnTo>
                    <a:pt x="332260" y="81900"/>
                  </a:lnTo>
                  <a:lnTo>
                    <a:pt x="350243" y="121399"/>
                  </a:lnTo>
                  <a:lnTo>
                    <a:pt x="356616" y="165354"/>
                  </a:lnTo>
                  <a:lnTo>
                    <a:pt x="350243" y="209308"/>
                  </a:lnTo>
                  <a:lnTo>
                    <a:pt x="332260" y="248807"/>
                  </a:lnTo>
                  <a:lnTo>
                    <a:pt x="304371" y="282273"/>
                  </a:lnTo>
                  <a:lnTo>
                    <a:pt x="268280" y="308130"/>
                  </a:lnTo>
                  <a:lnTo>
                    <a:pt x="225691" y="324800"/>
                  </a:lnTo>
                  <a:lnTo>
                    <a:pt x="178308" y="330708"/>
                  </a:lnTo>
                  <a:lnTo>
                    <a:pt x="130924" y="324800"/>
                  </a:lnTo>
                  <a:lnTo>
                    <a:pt x="88335" y="308130"/>
                  </a:lnTo>
                  <a:lnTo>
                    <a:pt x="52244" y="282273"/>
                  </a:lnTo>
                  <a:lnTo>
                    <a:pt x="24355" y="248807"/>
                  </a:lnTo>
                  <a:lnTo>
                    <a:pt x="6372" y="209308"/>
                  </a:lnTo>
                  <a:lnTo>
                    <a:pt x="0" y="165354"/>
                  </a:lnTo>
                  <a:close/>
                </a:path>
              </a:pathLst>
            </a:custGeom>
            <a:ln w="12191">
              <a:solidFill>
                <a:srgbClr val="000000"/>
              </a:solidFill>
            </a:ln>
          </p:spPr>
          <p:txBody>
            <a:bodyPr wrap="square" lIns="0" tIns="0" rIns="0" bIns="0" rtlCol="0"/>
            <a:lstStyle/>
            <a:p>
              <a:endParaRPr/>
            </a:p>
          </p:txBody>
        </p:sp>
        <p:sp>
          <p:nvSpPr>
            <p:cNvPr id="33" name="object 33"/>
            <p:cNvSpPr/>
            <p:nvPr/>
          </p:nvSpPr>
          <p:spPr>
            <a:xfrm>
              <a:off x="163334" y="1429511"/>
              <a:ext cx="1533525" cy="1199515"/>
            </a:xfrm>
            <a:custGeom>
              <a:avLst/>
              <a:gdLst/>
              <a:ahLst/>
              <a:cxnLst/>
              <a:rect l="l" t="t" r="r" b="b"/>
              <a:pathLst>
                <a:path w="1533525" h="1199514">
                  <a:moveTo>
                    <a:pt x="1533385" y="748284"/>
                  </a:moveTo>
                  <a:lnTo>
                    <a:pt x="1520685" y="741934"/>
                  </a:lnTo>
                  <a:lnTo>
                    <a:pt x="1457185" y="710184"/>
                  </a:lnTo>
                  <a:lnTo>
                    <a:pt x="1457185" y="741934"/>
                  </a:lnTo>
                  <a:lnTo>
                    <a:pt x="46786" y="741934"/>
                  </a:lnTo>
                  <a:lnTo>
                    <a:pt x="44450" y="76327"/>
                  </a:lnTo>
                  <a:lnTo>
                    <a:pt x="76327" y="76327"/>
                  </a:lnTo>
                  <a:lnTo>
                    <a:pt x="69850" y="63500"/>
                  </a:lnTo>
                  <a:lnTo>
                    <a:pt x="37833" y="0"/>
                  </a:lnTo>
                  <a:lnTo>
                    <a:pt x="0" y="76327"/>
                  </a:lnTo>
                  <a:lnTo>
                    <a:pt x="31750" y="76327"/>
                  </a:lnTo>
                  <a:lnTo>
                    <a:pt x="34086" y="741934"/>
                  </a:lnTo>
                  <a:lnTo>
                    <a:pt x="16497" y="741934"/>
                  </a:lnTo>
                  <a:lnTo>
                    <a:pt x="16497" y="754634"/>
                  </a:lnTo>
                  <a:lnTo>
                    <a:pt x="34137" y="754634"/>
                  </a:lnTo>
                  <a:lnTo>
                    <a:pt x="35699" y="1199134"/>
                  </a:lnTo>
                  <a:lnTo>
                    <a:pt x="48399" y="1199134"/>
                  </a:lnTo>
                  <a:lnTo>
                    <a:pt x="46824" y="754634"/>
                  </a:lnTo>
                  <a:lnTo>
                    <a:pt x="1457185" y="754634"/>
                  </a:lnTo>
                  <a:lnTo>
                    <a:pt x="1457185" y="786384"/>
                  </a:lnTo>
                  <a:lnTo>
                    <a:pt x="1520685" y="754634"/>
                  </a:lnTo>
                  <a:lnTo>
                    <a:pt x="1533385" y="748284"/>
                  </a:lnTo>
                  <a:close/>
                </a:path>
              </a:pathLst>
            </a:custGeom>
            <a:solidFill>
              <a:srgbClr val="000000"/>
            </a:solidFill>
          </p:spPr>
          <p:txBody>
            <a:bodyPr wrap="square" lIns="0" tIns="0" rIns="0" bIns="0" rtlCol="0"/>
            <a:lstStyle/>
            <a:p>
              <a:endParaRPr/>
            </a:p>
          </p:txBody>
        </p:sp>
        <p:sp>
          <p:nvSpPr>
            <p:cNvPr id="34" name="object 34"/>
            <p:cNvSpPr/>
            <p:nvPr/>
          </p:nvSpPr>
          <p:spPr>
            <a:xfrm>
              <a:off x="217169" y="1805177"/>
              <a:ext cx="1300480" cy="661670"/>
            </a:xfrm>
            <a:custGeom>
              <a:avLst/>
              <a:gdLst/>
              <a:ahLst/>
              <a:cxnLst/>
              <a:rect l="l" t="t" r="r" b="b"/>
              <a:pathLst>
                <a:path w="1300480" h="661669">
                  <a:moveTo>
                    <a:pt x="0" y="653923"/>
                  </a:moveTo>
                  <a:lnTo>
                    <a:pt x="13762" y="588512"/>
                  </a:lnTo>
                  <a:lnTo>
                    <a:pt x="27546" y="523683"/>
                  </a:lnTo>
                  <a:lnTo>
                    <a:pt x="41372" y="460020"/>
                  </a:lnTo>
                  <a:lnTo>
                    <a:pt x="55261" y="398109"/>
                  </a:lnTo>
                  <a:lnTo>
                    <a:pt x="69234" y="338534"/>
                  </a:lnTo>
                  <a:lnTo>
                    <a:pt x="83313" y="281882"/>
                  </a:lnTo>
                  <a:lnTo>
                    <a:pt x="97518" y="228735"/>
                  </a:lnTo>
                  <a:lnTo>
                    <a:pt x="111870" y="179680"/>
                  </a:lnTo>
                  <a:lnTo>
                    <a:pt x="126392" y="135302"/>
                  </a:lnTo>
                  <a:lnTo>
                    <a:pt x="141102" y="96186"/>
                  </a:lnTo>
                  <a:lnTo>
                    <a:pt x="171176" y="36077"/>
                  </a:lnTo>
                  <a:lnTo>
                    <a:pt x="202262" y="4034"/>
                  </a:lnTo>
                  <a:lnTo>
                    <a:pt x="218236" y="0"/>
                  </a:lnTo>
                  <a:lnTo>
                    <a:pt x="232552" y="6795"/>
                  </a:lnTo>
                  <a:lnTo>
                    <a:pt x="261677" y="54979"/>
                  </a:lnTo>
                  <a:lnTo>
                    <a:pt x="276485" y="93146"/>
                  </a:lnTo>
                  <a:lnTo>
                    <a:pt x="291458" y="138549"/>
                  </a:lnTo>
                  <a:lnTo>
                    <a:pt x="306595" y="189577"/>
                  </a:lnTo>
                  <a:lnTo>
                    <a:pt x="321896" y="244619"/>
                  </a:lnTo>
                  <a:lnTo>
                    <a:pt x="337361" y="302064"/>
                  </a:lnTo>
                  <a:lnTo>
                    <a:pt x="352991" y="360301"/>
                  </a:lnTo>
                  <a:lnTo>
                    <a:pt x="368784" y="417719"/>
                  </a:lnTo>
                  <a:lnTo>
                    <a:pt x="384742" y="472708"/>
                  </a:lnTo>
                  <a:lnTo>
                    <a:pt x="400863" y="523657"/>
                  </a:lnTo>
                  <a:lnTo>
                    <a:pt x="417149" y="568954"/>
                  </a:lnTo>
                  <a:lnTo>
                    <a:pt x="433599" y="606990"/>
                  </a:lnTo>
                  <a:lnTo>
                    <a:pt x="466991" y="654831"/>
                  </a:lnTo>
                  <a:lnTo>
                    <a:pt x="483933" y="661416"/>
                  </a:lnTo>
                  <a:lnTo>
                    <a:pt x="501240" y="654867"/>
                  </a:lnTo>
                  <a:lnTo>
                    <a:pt x="537325" y="607273"/>
                  </a:lnTo>
                  <a:lnTo>
                    <a:pt x="555953" y="569422"/>
                  </a:lnTo>
                  <a:lnTo>
                    <a:pt x="574870" y="524331"/>
                  </a:lnTo>
                  <a:lnTo>
                    <a:pt x="594002" y="473599"/>
                  </a:lnTo>
                  <a:lnTo>
                    <a:pt x="613273" y="418821"/>
                  </a:lnTo>
                  <a:lnTo>
                    <a:pt x="632607" y="361596"/>
                  </a:lnTo>
                  <a:lnTo>
                    <a:pt x="651930" y="303521"/>
                  </a:lnTo>
                  <a:lnTo>
                    <a:pt x="671167" y="246193"/>
                  </a:lnTo>
                  <a:lnTo>
                    <a:pt x="690241" y="191210"/>
                  </a:lnTo>
                  <a:lnTo>
                    <a:pt x="709078" y="140168"/>
                  </a:lnTo>
                  <a:lnTo>
                    <a:pt x="727602" y="94666"/>
                  </a:lnTo>
                  <a:lnTo>
                    <a:pt x="745737" y="56301"/>
                  </a:lnTo>
                  <a:lnTo>
                    <a:pt x="780544" y="7370"/>
                  </a:lnTo>
                  <a:lnTo>
                    <a:pt x="797064" y="0"/>
                  </a:lnTo>
                  <a:lnTo>
                    <a:pt x="815023" y="6614"/>
                  </a:lnTo>
                  <a:lnTo>
                    <a:pt x="848909" y="59393"/>
                  </a:lnTo>
                  <a:lnTo>
                    <a:pt x="865021" y="101501"/>
                  </a:lnTo>
                  <a:lnTo>
                    <a:pt x="880704" y="151384"/>
                  </a:lnTo>
                  <a:lnTo>
                    <a:pt x="896049" y="207014"/>
                  </a:lnTo>
                  <a:lnTo>
                    <a:pt x="911150" y="266363"/>
                  </a:lnTo>
                  <a:lnTo>
                    <a:pt x="926100" y="327403"/>
                  </a:lnTo>
                  <a:lnTo>
                    <a:pt x="940990" y="388107"/>
                  </a:lnTo>
                  <a:lnTo>
                    <a:pt x="955914" y="446447"/>
                  </a:lnTo>
                  <a:lnTo>
                    <a:pt x="970965" y="500394"/>
                  </a:lnTo>
                  <a:lnTo>
                    <a:pt x="986234" y="547920"/>
                  </a:lnTo>
                  <a:lnTo>
                    <a:pt x="1001816" y="586998"/>
                  </a:lnTo>
                  <a:lnTo>
                    <a:pt x="1034288" y="631698"/>
                  </a:lnTo>
                  <a:lnTo>
                    <a:pt x="1057318" y="638259"/>
                  </a:lnTo>
                  <a:lnTo>
                    <a:pt x="1080670" y="633680"/>
                  </a:lnTo>
                  <a:lnTo>
                    <a:pt x="1128207" y="595556"/>
                  </a:lnTo>
                  <a:lnTo>
                    <a:pt x="1152328" y="564239"/>
                  </a:lnTo>
                  <a:lnTo>
                    <a:pt x="1176641" y="526238"/>
                  </a:lnTo>
                  <a:lnTo>
                    <a:pt x="1201115" y="482665"/>
                  </a:lnTo>
                  <a:lnTo>
                    <a:pt x="1225717" y="434637"/>
                  </a:lnTo>
                  <a:lnTo>
                    <a:pt x="1250415" y="383266"/>
                  </a:lnTo>
                  <a:lnTo>
                    <a:pt x="1275177" y="329667"/>
                  </a:lnTo>
                  <a:lnTo>
                    <a:pt x="1299971" y="274955"/>
                  </a:lnTo>
                </a:path>
              </a:pathLst>
            </a:custGeom>
            <a:ln w="19812">
              <a:solidFill>
                <a:srgbClr val="FF0000"/>
              </a:solidFill>
            </a:ln>
          </p:spPr>
          <p:txBody>
            <a:bodyPr wrap="square" lIns="0" tIns="0" rIns="0" bIns="0" rtlCol="0"/>
            <a:lstStyle/>
            <a:p>
              <a:endParaRPr/>
            </a:p>
          </p:txBody>
        </p:sp>
      </p:grpSp>
      <p:sp>
        <p:nvSpPr>
          <p:cNvPr id="35" name="object 35"/>
          <p:cNvSpPr txBox="1"/>
          <p:nvPr/>
        </p:nvSpPr>
        <p:spPr>
          <a:xfrm>
            <a:off x="1925218" y="920527"/>
            <a:ext cx="948690" cy="691664"/>
          </a:xfrm>
          <a:prstGeom prst="rect">
            <a:avLst/>
          </a:prstGeom>
        </p:spPr>
        <p:txBody>
          <a:bodyPr vert="horz" wrap="square" lIns="0" tIns="20320" rIns="0" bIns="0" rtlCol="0">
            <a:spAutoFit/>
          </a:bodyPr>
          <a:lstStyle/>
          <a:p>
            <a:pPr marL="130175" marR="5080" indent="-118110">
              <a:lnSpc>
                <a:spcPct val="119500"/>
              </a:lnSpc>
              <a:spcBef>
                <a:spcPts val="160"/>
              </a:spcBef>
            </a:pPr>
            <a:r>
              <a:rPr sz="3000" b="1" spc="-52" baseline="-4166" dirty="0">
                <a:latin typeface="メイリオ"/>
                <a:cs typeface="メイリオ"/>
              </a:rPr>
              <a:t>入力 </a:t>
            </a:r>
            <a:r>
              <a:rPr dirty="0">
                <a:latin typeface="Cambria Math"/>
                <a:cs typeface="Cambria Math"/>
              </a:rPr>
              <a:t>𝒖</a:t>
            </a:r>
            <a:r>
              <a:rPr spc="345" dirty="0">
                <a:latin typeface="Cambria Math"/>
                <a:cs typeface="Cambria Math"/>
              </a:rPr>
              <a:t> </a:t>
            </a:r>
            <a:r>
              <a:rPr spc="-50" dirty="0">
                <a:latin typeface="Cambria Math"/>
                <a:cs typeface="Cambria Math"/>
              </a:rPr>
              <a:t>𝒕 </a:t>
            </a:r>
            <a:r>
              <a:rPr spc="-10" dirty="0">
                <a:latin typeface="Cambria Math"/>
                <a:cs typeface="Cambria Math"/>
              </a:rPr>
              <a:t>sin(𝑡)</a:t>
            </a:r>
            <a:endParaRPr>
              <a:latin typeface="Cambria Math"/>
              <a:cs typeface="Cambria Math"/>
            </a:endParaRPr>
          </a:p>
        </p:txBody>
      </p:sp>
      <p:sp>
        <p:nvSpPr>
          <p:cNvPr id="36" name="object 36"/>
          <p:cNvSpPr txBox="1"/>
          <p:nvPr/>
        </p:nvSpPr>
        <p:spPr>
          <a:xfrm>
            <a:off x="1747824" y="508761"/>
            <a:ext cx="7324090" cy="591820"/>
          </a:xfrm>
          <a:prstGeom prst="rect">
            <a:avLst/>
          </a:prstGeom>
        </p:spPr>
        <p:txBody>
          <a:bodyPr vert="horz" wrap="square" lIns="0" tIns="12700" rIns="0" bIns="0" rtlCol="0">
            <a:spAutoFit/>
          </a:bodyPr>
          <a:lstStyle/>
          <a:p>
            <a:pPr marL="12700">
              <a:lnSpc>
                <a:spcPts val="2110"/>
              </a:lnSpc>
              <a:spcBef>
                <a:spcPts val="100"/>
              </a:spcBef>
            </a:pPr>
            <a:r>
              <a:rPr spc="-15" dirty="0">
                <a:latin typeface="Century Gothic"/>
                <a:cs typeface="Century Gothic"/>
              </a:rPr>
              <a:t>1</a:t>
            </a:r>
            <a:r>
              <a:rPr dirty="0">
                <a:latin typeface="メイリオ"/>
                <a:cs typeface="メイリオ"/>
              </a:rPr>
              <a:t>入力</a:t>
            </a:r>
            <a:r>
              <a:rPr spc="-15" dirty="0">
                <a:latin typeface="Century Gothic"/>
                <a:cs typeface="Century Gothic"/>
              </a:rPr>
              <a:t>1</a:t>
            </a:r>
            <a:r>
              <a:rPr dirty="0">
                <a:latin typeface="メイリオ"/>
                <a:cs typeface="メイリオ"/>
              </a:rPr>
              <a:t>出力のリザバーコンピューティング（サイン波</a:t>
            </a:r>
            <a:r>
              <a:rPr dirty="0">
                <a:latin typeface="ＭＳ ゴシック"/>
                <a:cs typeface="ＭＳ ゴシック"/>
              </a:rPr>
              <a:t>⇒</a:t>
            </a:r>
            <a:r>
              <a:rPr dirty="0">
                <a:latin typeface="メイリオ"/>
                <a:cs typeface="メイリオ"/>
              </a:rPr>
              <a:t>三角波</a:t>
            </a:r>
            <a:r>
              <a:rPr spc="-50" dirty="0">
                <a:latin typeface="メイリオ"/>
                <a:cs typeface="メイリオ"/>
              </a:rPr>
              <a:t>）</a:t>
            </a:r>
            <a:endParaRPr>
              <a:latin typeface="メイリオ"/>
              <a:cs typeface="メイリオ"/>
            </a:endParaRPr>
          </a:p>
          <a:p>
            <a:pPr marL="6547484">
              <a:lnSpc>
                <a:spcPts val="2350"/>
              </a:lnSpc>
            </a:pPr>
            <a:r>
              <a:rPr sz="2000" b="1" spc="-20" dirty="0">
                <a:latin typeface="メイリオ"/>
                <a:cs typeface="メイリオ"/>
              </a:rPr>
              <a:t>出力層</a:t>
            </a:r>
            <a:endParaRPr sz="2000">
              <a:latin typeface="メイリオ"/>
              <a:cs typeface="メイリオ"/>
            </a:endParaRPr>
          </a:p>
        </p:txBody>
      </p:sp>
      <p:grpSp>
        <p:nvGrpSpPr>
          <p:cNvPr id="37" name="object 37"/>
          <p:cNvGrpSpPr/>
          <p:nvPr/>
        </p:nvGrpSpPr>
        <p:grpSpPr>
          <a:xfrm>
            <a:off x="8956803" y="3633216"/>
            <a:ext cx="1533525" cy="1199515"/>
            <a:chOff x="7432802" y="3633215"/>
            <a:chExt cx="1533525" cy="1199515"/>
          </a:xfrm>
        </p:grpSpPr>
        <p:sp>
          <p:nvSpPr>
            <p:cNvPr id="38" name="object 38"/>
            <p:cNvSpPr/>
            <p:nvPr/>
          </p:nvSpPr>
          <p:spPr>
            <a:xfrm>
              <a:off x="7471410" y="3976877"/>
              <a:ext cx="1313815" cy="754380"/>
            </a:xfrm>
            <a:custGeom>
              <a:avLst/>
              <a:gdLst/>
              <a:ahLst/>
              <a:cxnLst/>
              <a:rect l="l" t="t" r="r" b="b"/>
              <a:pathLst>
                <a:path w="1313815" h="754379">
                  <a:moveTo>
                    <a:pt x="0" y="754126"/>
                  </a:moveTo>
                  <a:lnTo>
                    <a:pt x="277495" y="0"/>
                  </a:lnTo>
                </a:path>
                <a:path w="1313815" h="754379">
                  <a:moveTo>
                    <a:pt x="550164" y="736981"/>
                  </a:moveTo>
                  <a:lnTo>
                    <a:pt x="837565" y="16764"/>
                  </a:lnTo>
                </a:path>
                <a:path w="1313815" h="754379">
                  <a:moveTo>
                    <a:pt x="551688" y="736981"/>
                  </a:moveTo>
                  <a:lnTo>
                    <a:pt x="277368" y="16764"/>
                  </a:lnTo>
                </a:path>
                <a:path w="1313815" h="754379">
                  <a:moveTo>
                    <a:pt x="1121664" y="736981"/>
                  </a:moveTo>
                  <a:lnTo>
                    <a:pt x="847344" y="16764"/>
                  </a:lnTo>
                </a:path>
                <a:path w="1313815" h="754379">
                  <a:moveTo>
                    <a:pt x="1124712" y="725424"/>
                  </a:moveTo>
                  <a:lnTo>
                    <a:pt x="1313815" y="265176"/>
                  </a:lnTo>
                </a:path>
              </a:pathLst>
            </a:custGeom>
            <a:ln w="19812">
              <a:solidFill>
                <a:srgbClr val="FF0000"/>
              </a:solidFill>
            </a:ln>
          </p:spPr>
          <p:txBody>
            <a:bodyPr wrap="square" lIns="0" tIns="0" rIns="0" bIns="0" rtlCol="0"/>
            <a:lstStyle/>
            <a:p>
              <a:endParaRPr/>
            </a:p>
          </p:txBody>
        </p:sp>
        <p:sp>
          <p:nvSpPr>
            <p:cNvPr id="39" name="object 39"/>
            <p:cNvSpPr/>
            <p:nvPr/>
          </p:nvSpPr>
          <p:spPr>
            <a:xfrm>
              <a:off x="7432802" y="3633215"/>
              <a:ext cx="1533525" cy="1199515"/>
            </a:xfrm>
            <a:custGeom>
              <a:avLst/>
              <a:gdLst/>
              <a:ahLst/>
              <a:cxnLst/>
              <a:rect l="l" t="t" r="r" b="b"/>
              <a:pathLst>
                <a:path w="1533525" h="1199514">
                  <a:moveTo>
                    <a:pt x="1533398" y="748284"/>
                  </a:moveTo>
                  <a:lnTo>
                    <a:pt x="1520698" y="741934"/>
                  </a:lnTo>
                  <a:lnTo>
                    <a:pt x="1457198" y="710184"/>
                  </a:lnTo>
                  <a:lnTo>
                    <a:pt x="1457198" y="741934"/>
                  </a:lnTo>
                  <a:lnTo>
                    <a:pt x="46786" y="741934"/>
                  </a:lnTo>
                  <a:lnTo>
                    <a:pt x="44488" y="76327"/>
                  </a:lnTo>
                  <a:lnTo>
                    <a:pt x="76327" y="76327"/>
                  </a:lnTo>
                  <a:lnTo>
                    <a:pt x="69850" y="63500"/>
                  </a:lnTo>
                  <a:lnTo>
                    <a:pt x="37846" y="0"/>
                  </a:lnTo>
                  <a:lnTo>
                    <a:pt x="0" y="76327"/>
                  </a:lnTo>
                  <a:lnTo>
                    <a:pt x="31788" y="76327"/>
                  </a:lnTo>
                  <a:lnTo>
                    <a:pt x="34099" y="741934"/>
                  </a:lnTo>
                  <a:lnTo>
                    <a:pt x="16510" y="741934"/>
                  </a:lnTo>
                  <a:lnTo>
                    <a:pt x="16510" y="754634"/>
                  </a:lnTo>
                  <a:lnTo>
                    <a:pt x="34137" y="754634"/>
                  </a:lnTo>
                  <a:lnTo>
                    <a:pt x="35687" y="1199134"/>
                  </a:lnTo>
                  <a:lnTo>
                    <a:pt x="48387" y="1199134"/>
                  </a:lnTo>
                  <a:lnTo>
                    <a:pt x="46837" y="754634"/>
                  </a:lnTo>
                  <a:lnTo>
                    <a:pt x="1457198" y="754634"/>
                  </a:lnTo>
                  <a:lnTo>
                    <a:pt x="1457198" y="786384"/>
                  </a:lnTo>
                  <a:lnTo>
                    <a:pt x="1520698" y="754634"/>
                  </a:lnTo>
                  <a:lnTo>
                    <a:pt x="1533398" y="748284"/>
                  </a:lnTo>
                  <a:close/>
                </a:path>
              </a:pathLst>
            </a:custGeom>
            <a:solidFill>
              <a:srgbClr val="000000"/>
            </a:solidFill>
          </p:spPr>
          <p:txBody>
            <a:bodyPr wrap="square" lIns="0" tIns="0" rIns="0" bIns="0" rtlCol="0"/>
            <a:lstStyle/>
            <a:p>
              <a:endParaRPr/>
            </a:p>
          </p:txBody>
        </p:sp>
      </p:grpSp>
      <p:sp>
        <p:nvSpPr>
          <p:cNvPr id="40" name="object 40"/>
          <p:cNvSpPr txBox="1"/>
          <p:nvPr/>
        </p:nvSpPr>
        <p:spPr>
          <a:xfrm>
            <a:off x="8780145" y="3238247"/>
            <a:ext cx="1354455" cy="560705"/>
          </a:xfrm>
          <a:prstGeom prst="rect">
            <a:avLst/>
          </a:prstGeom>
        </p:spPr>
        <p:txBody>
          <a:bodyPr vert="horz" wrap="square" lIns="0" tIns="12700" rIns="0" bIns="0" rtlCol="0">
            <a:spAutoFit/>
          </a:bodyPr>
          <a:lstStyle/>
          <a:p>
            <a:pPr marL="12700">
              <a:lnSpc>
                <a:spcPts val="2105"/>
              </a:lnSpc>
              <a:spcBef>
                <a:spcPts val="100"/>
              </a:spcBef>
            </a:pPr>
            <a:r>
              <a:rPr b="1" spc="-25" dirty="0">
                <a:latin typeface="メイリオ"/>
                <a:cs typeface="メイリオ"/>
              </a:rPr>
              <a:t>比較</a:t>
            </a:r>
            <a:endParaRPr>
              <a:latin typeface="メイリオ"/>
              <a:cs typeface="メイリオ"/>
            </a:endParaRPr>
          </a:p>
          <a:p>
            <a:pPr marL="425450">
              <a:lnSpc>
                <a:spcPts val="2105"/>
              </a:lnSpc>
            </a:pPr>
            <a:r>
              <a:rPr spc="-15" dirty="0">
                <a:latin typeface="メイリオ"/>
                <a:cs typeface="メイリオ"/>
              </a:rPr>
              <a:t>教師信号</a:t>
            </a:r>
            <a:endParaRPr>
              <a:latin typeface="メイリオ"/>
              <a:cs typeface="メイリオ"/>
            </a:endParaRPr>
          </a:p>
        </p:txBody>
      </p:sp>
      <p:grpSp>
        <p:nvGrpSpPr>
          <p:cNvPr id="41" name="object 41"/>
          <p:cNvGrpSpPr/>
          <p:nvPr/>
        </p:nvGrpSpPr>
        <p:grpSpPr>
          <a:xfrm>
            <a:off x="8804403" y="1075945"/>
            <a:ext cx="1532255" cy="1303655"/>
            <a:chOff x="7280402" y="1075944"/>
            <a:chExt cx="1532255" cy="1303655"/>
          </a:xfrm>
        </p:grpSpPr>
        <p:sp>
          <p:nvSpPr>
            <p:cNvPr id="42" name="object 42"/>
            <p:cNvSpPr/>
            <p:nvPr/>
          </p:nvSpPr>
          <p:spPr>
            <a:xfrm>
              <a:off x="7317486" y="1421130"/>
              <a:ext cx="1315720" cy="754380"/>
            </a:xfrm>
            <a:custGeom>
              <a:avLst/>
              <a:gdLst/>
              <a:ahLst/>
              <a:cxnLst/>
              <a:rect l="l" t="t" r="r" b="b"/>
              <a:pathLst>
                <a:path w="1315720" h="754380">
                  <a:moveTo>
                    <a:pt x="0" y="754126"/>
                  </a:moveTo>
                  <a:lnTo>
                    <a:pt x="277495" y="0"/>
                  </a:lnTo>
                </a:path>
                <a:path w="1315720" h="754380">
                  <a:moveTo>
                    <a:pt x="551688" y="735457"/>
                  </a:moveTo>
                  <a:lnTo>
                    <a:pt x="839089" y="15240"/>
                  </a:lnTo>
                </a:path>
                <a:path w="1315720" h="754380">
                  <a:moveTo>
                    <a:pt x="551688" y="735457"/>
                  </a:moveTo>
                  <a:lnTo>
                    <a:pt x="277368" y="15240"/>
                  </a:lnTo>
                </a:path>
                <a:path w="1315720" h="754380">
                  <a:moveTo>
                    <a:pt x="1123188" y="735457"/>
                  </a:moveTo>
                  <a:lnTo>
                    <a:pt x="848868" y="15240"/>
                  </a:lnTo>
                </a:path>
                <a:path w="1315720" h="754380">
                  <a:moveTo>
                    <a:pt x="1126236" y="725424"/>
                  </a:moveTo>
                  <a:lnTo>
                    <a:pt x="1315339" y="265175"/>
                  </a:lnTo>
                </a:path>
              </a:pathLst>
            </a:custGeom>
            <a:ln w="19812">
              <a:solidFill>
                <a:srgbClr val="8496AF"/>
              </a:solidFill>
              <a:prstDash val="sysDot"/>
            </a:ln>
          </p:spPr>
          <p:txBody>
            <a:bodyPr wrap="square" lIns="0" tIns="0" rIns="0" bIns="0" rtlCol="0"/>
            <a:lstStyle/>
            <a:p>
              <a:endParaRPr/>
            </a:p>
          </p:txBody>
        </p:sp>
        <p:sp>
          <p:nvSpPr>
            <p:cNvPr id="43" name="object 43"/>
            <p:cNvSpPr/>
            <p:nvPr/>
          </p:nvSpPr>
          <p:spPr>
            <a:xfrm>
              <a:off x="7280402" y="1075943"/>
              <a:ext cx="1532255" cy="1199515"/>
            </a:xfrm>
            <a:custGeom>
              <a:avLst/>
              <a:gdLst/>
              <a:ahLst/>
              <a:cxnLst/>
              <a:rect l="l" t="t" r="r" b="b"/>
              <a:pathLst>
                <a:path w="1532254" h="1199514">
                  <a:moveTo>
                    <a:pt x="1531874" y="749808"/>
                  </a:moveTo>
                  <a:lnTo>
                    <a:pt x="1519174" y="743458"/>
                  </a:lnTo>
                  <a:lnTo>
                    <a:pt x="1455674" y="711708"/>
                  </a:lnTo>
                  <a:lnTo>
                    <a:pt x="1455674" y="743458"/>
                  </a:lnTo>
                  <a:lnTo>
                    <a:pt x="46799" y="743458"/>
                  </a:lnTo>
                  <a:lnTo>
                    <a:pt x="44488" y="76327"/>
                  </a:lnTo>
                  <a:lnTo>
                    <a:pt x="76327" y="76327"/>
                  </a:lnTo>
                  <a:lnTo>
                    <a:pt x="69850" y="63500"/>
                  </a:lnTo>
                  <a:lnTo>
                    <a:pt x="37846" y="0"/>
                  </a:lnTo>
                  <a:lnTo>
                    <a:pt x="0" y="76327"/>
                  </a:lnTo>
                  <a:lnTo>
                    <a:pt x="31788" y="76327"/>
                  </a:lnTo>
                  <a:lnTo>
                    <a:pt x="34099" y="743458"/>
                  </a:lnTo>
                  <a:lnTo>
                    <a:pt x="14986" y="743458"/>
                  </a:lnTo>
                  <a:lnTo>
                    <a:pt x="14986" y="756158"/>
                  </a:lnTo>
                  <a:lnTo>
                    <a:pt x="34150" y="756158"/>
                  </a:lnTo>
                  <a:lnTo>
                    <a:pt x="35687" y="1199134"/>
                  </a:lnTo>
                  <a:lnTo>
                    <a:pt x="48387" y="1199134"/>
                  </a:lnTo>
                  <a:lnTo>
                    <a:pt x="46837" y="756158"/>
                  </a:lnTo>
                  <a:lnTo>
                    <a:pt x="1455674" y="756158"/>
                  </a:lnTo>
                  <a:lnTo>
                    <a:pt x="1455674" y="787908"/>
                  </a:lnTo>
                  <a:lnTo>
                    <a:pt x="1519174" y="756158"/>
                  </a:lnTo>
                  <a:lnTo>
                    <a:pt x="1531874" y="749808"/>
                  </a:lnTo>
                  <a:close/>
                </a:path>
              </a:pathLst>
            </a:custGeom>
            <a:solidFill>
              <a:srgbClr val="000000"/>
            </a:solidFill>
          </p:spPr>
          <p:txBody>
            <a:bodyPr wrap="square" lIns="0" tIns="0" rIns="0" bIns="0" rtlCol="0"/>
            <a:lstStyle/>
            <a:p>
              <a:endParaRPr/>
            </a:p>
          </p:txBody>
        </p:sp>
        <p:sp>
          <p:nvSpPr>
            <p:cNvPr id="44" name="object 44"/>
            <p:cNvSpPr/>
            <p:nvPr/>
          </p:nvSpPr>
          <p:spPr>
            <a:xfrm>
              <a:off x="7324344" y="1232919"/>
              <a:ext cx="1338580" cy="1140460"/>
            </a:xfrm>
            <a:custGeom>
              <a:avLst/>
              <a:gdLst/>
              <a:ahLst/>
              <a:cxnLst/>
              <a:rect l="l" t="t" r="r" b="b"/>
              <a:pathLst>
                <a:path w="1338579" h="1140460">
                  <a:moveTo>
                    <a:pt x="0" y="887726"/>
                  </a:moveTo>
                  <a:lnTo>
                    <a:pt x="3617" y="873742"/>
                  </a:lnTo>
                  <a:lnTo>
                    <a:pt x="6270" y="858817"/>
                  </a:lnTo>
                  <a:lnTo>
                    <a:pt x="10804" y="845774"/>
                  </a:lnTo>
                  <a:lnTo>
                    <a:pt x="20065" y="837434"/>
                  </a:lnTo>
                  <a:lnTo>
                    <a:pt x="33260" y="846738"/>
                  </a:lnTo>
                  <a:lnTo>
                    <a:pt x="48466" y="865294"/>
                  </a:lnTo>
                  <a:lnTo>
                    <a:pt x="51980" y="869920"/>
                  </a:lnTo>
                  <a:lnTo>
                    <a:pt x="30099" y="837434"/>
                  </a:lnTo>
                  <a:lnTo>
                    <a:pt x="20810" y="803379"/>
                  </a:lnTo>
                  <a:lnTo>
                    <a:pt x="17554" y="793468"/>
                  </a:lnTo>
                  <a:lnTo>
                    <a:pt x="20097" y="797302"/>
                  </a:lnTo>
                  <a:lnTo>
                    <a:pt x="28208" y="804479"/>
                  </a:lnTo>
                  <a:lnTo>
                    <a:pt x="41652" y="804602"/>
                  </a:lnTo>
                  <a:lnTo>
                    <a:pt x="60198" y="787269"/>
                  </a:lnTo>
                  <a:lnTo>
                    <a:pt x="66337" y="773664"/>
                  </a:lnTo>
                  <a:lnTo>
                    <a:pt x="68452" y="758440"/>
                  </a:lnTo>
                  <a:lnTo>
                    <a:pt x="68949" y="742549"/>
                  </a:lnTo>
                  <a:lnTo>
                    <a:pt x="70230" y="726944"/>
                  </a:lnTo>
                  <a:lnTo>
                    <a:pt x="65787" y="706633"/>
                  </a:lnTo>
                  <a:lnTo>
                    <a:pt x="60023" y="686097"/>
                  </a:lnTo>
                  <a:lnTo>
                    <a:pt x="56854" y="665918"/>
                  </a:lnTo>
                  <a:lnTo>
                    <a:pt x="60198" y="646680"/>
                  </a:lnTo>
                  <a:lnTo>
                    <a:pt x="73769" y="631020"/>
                  </a:lnTo>
                  <a:lnTo>
                    <a:pt x="86943" y="636595"/>
                  </a:lnTo>
                  <a:lnTo>
                    <a:pt x="97456" y="651172"/>
                  </a:lnTo>
                  <a:lnTo>
                    <a:pt x="103048" y="662522"/>
                  </a:lnTo>
                  <a:lnTo>
                    <a:pt x="101458" y="658412"/>
                  </a:lnTo>
                  <a:lnTo>
                    <a:pt x="90424" y="626614"/>
                  </a:lnTo>
                  <a:lnTo>
                    <a:pt x="95650" y="573058"/>
                  </a:lnTo>
                  <a:lnTo>
                    <a:pt x="97290" y="545670"/>
                  </a:lnTo>
                  <a:lnTo>
                    <a:pt x="97311" y="536017"/>
                  </a:lnTo>
                  <a:lnTo>
                    <a:pt x="97679" y="535665"/>
                  </a:lnTo>
                  <a:lnTo>
                    <a:pt x="100359" y="536182"/>
                  </a:lnTo>
                  <a:lnTo>
                    <a:pt x="107319" y="529135"/>
                  </a:lnTo>
                  <a:lnTo>
                    <a:pt x="120523" y="506091"/>
                  </a:lnTo>
                  <a:lnTo>
                    <a:pt x="123019" y="498403"/>
                  </a:lnTo>
                  <a:lnTo>
                    <a:pt x="124491" y="490216"/>
                  </a:lnTo>
                  <a:lnTo>
                    <a:pt x="126488" y="482409"/>
                  </a:lnTo>
                  <a:lnTo>
                    <a:pt x="130555" y="475865"/>
                  </a:lnTo>
                  <a:lnTo>
                    <a:pt x="139398" y="469229"/>
                  </a:lnTo>
                  <a:lnTo>
                    <a:pt x="149574" y="464403"/>
                  </a:lnTo>
                  <a:lnTo>
                    <a:pt x="160273" y="460291"/>
                  </a:lnTo>
                  <a:lnTo>
                    <a:pt x="170687" y="455799"/>
                  </a:lnTo>
                  <a:lnTo>
                    <a:pt x="172970" y="435685"/>
                  </a:lnTo>
                  <a:lnTo>
                    <a:pt x="175132" y="415571"/>
                  </a:lnTo>
                  <a:lnTo>
                    <a:pt x="177581" y="395505"/>
                  </a:lnTo>
                  <a:lnTo>
                    <a:pt x="180721" y="375535"/>
                  </a:lnTo>
                  <a:lnTo>
                    <a:pt x="181931" y="367365"/>
                  </a:lnTo>
                  <a:lnTo>
                    <a:pt x="183356" y="359040"/>
                  </a:lnTo>
                  <a:lnTo>
                    <a:pt x="220507" y="337093"/>
                  </a:lnTo>
                  <a:lnTo>
                    <a:pt x="230885" y="335276"/>
                  </a:lnTo>
                  <a:lnTo>
                    <a:pt x="227925" y="325326"/>
                  </a:lnTo>
                  <a:lnTo>
                    <a:pt x="224631" y="315400"/>
                  </a:lnTo>
                  <a:lnTo>
                    <a:pt x="221956" y="305379"/>
                  </a:lnTo>
                  <a:lnTo>
                    <a:pt x="220852" y="295144"/>
                  </a:lnTo>
                  <a:lnTo>
                    <a:pt x="224145" y="277915"/>
                  </a:lnTo>
                  <a:lnTo>
                    <a:pt x="232140" y="263140"/>
                  </a:lnTo>
                  <a:lnTo>
                    <a:pt x="242016" y="249316"/>
                  </a:lnTo>
                  <a:lnTo>
                    <a:pt x="250951" y="234946"/>
                  </a:lnTo>
                  <a:lnTo>
                    <a:pt x="254093" y="227615"/>
                  </a:lnTo>
                  <a:lnTo>
                    <a:pt x="256555" y="220023"/>
                  </a:lnTo>
                  <a:lnTo>
                    <a:pt x="258756" y="212336"/>
                  </a:lnTo>
                  <a:lnTo>
                    <a:pt x="261111" y="204720"/>
                  </a:lnTo>
                  <a:lnTo>
                    <a:pt x="258077" y="194302"/>
                  </a:lnTo>
                  <a:lnTo>
                    <a:pt x="254746" y="181955"/>
                  </a:lnTo>
                  <a:lnTo>
                    <a:pt x="252057" y="173466"/>
                  </a:lnTo>
                  <a:lnTo>
                    <a:pt x="250951" y="174621"/>
                  </a:lnTo>
                  <a:lnTo>
                    <a:pt x="250950" y="190226"/>
                  </a:lnTo>
                  <a:lnTo>
                    <a:pt x="251793" y="206021"/>
                  </a:lnTo>
                  <a:lnTo>
                    <a:pt x="254756" y="221198"/>
                  </a:lnTo>
                  <a:lnTo>
                    <a:pt x="261111" y="234946"/>
                  </a:lnTo>
                  <a:lnTo>
                    <a:pt x="264715" y="235348"/>
                  </a:lnTo>
                  <a:lnTo>
                    <a:pt x="267176" y="226929"/>
                  </a:lnTo>
                  <a:lnTo>
                    <a:pt x="269113" y="214961"/>
                  </a:lnTo>
                  <a:lnTo>
                    <a:pt x="271145" y="204720"/>
                  </a:lnTo>
                  <a:lnTo>
                    <a:pt x="276280" y="187227"/>
                  </a:lnTo>
                  <a:lnTo>
                    <a:pt x="281273" y="169652"/>
                  </a:lnTo>
                  <a:lnTo>
                    <a:pt x="286218" y="152052"/>
                  </a:lnTo>
                  <a:lnTo>
                    <a:pt x="291210" y="134489"/>
                  </a:lnTo>
                  <a:lnTo>
                    <a:pt x="287178" y="101766"/>
                  </a:lnTo>
                  <a:lnTo>
                    <a:pt x="282193" y="69020"/>
                  </a:lnTo>
                  <a:lnTo>
                    <a:pt x="279209" y="36369"/>
                  </a:lnTo>
                  <a:lnTo>
                    <a:pt x="281177" y="3933"/>
                  </a:lnTo>
                  <a:lnTo>
                    <a:pt x="285523" y="0"/>
                  </a:lnTo>
                  <a:lnTo>
                    <a:pt x="294036" y="2186"/>
                  </a:lnTo>
                  <a:lnTo>
                    <a:pt x="322738" y="32984"/>
                  </a:lnTo>
                  <a:lnTo>
                    <a:pt x="326850" y="43684"/>
                  </a:lnTo>
                  <a:lnTo>
                    <a:pt x="331342" y="54098"/>
                  </a:lnTo>
                  <a:lnTo>
                    <a:pt x="328025" y="104296"/>
                  </a:lnTo>
                  <a:lnTo>
                    <a:pt x="324135" y="154507"/>
                  </a:lnTo>
                  <a:lnTo>
                    <a:pt x="321341" y="204741"/>
                  </a:lnTo>
                  <a:lnTo>
                    <a:pt x="321309" y="255012"/>
                  </a:lnTo>
                  <a:lnTo>
                    <a:pt x="333418" y="301321"/>
                  </a:lnTo>
                  <a:lnTo>
                    <a:pt x="381507" y="375535"/>
                  </a:lnTo>
                  <a:lnTo>
                    <a:pt x="383075" y="384113"/>
                  </a:lnTo>
                  <a:lnTo>
                    <a:pt x="383952" y="393394"/>
                  </a:lnTo>
                  <a:lnTo>
                    <a:pt x="386115" y="401270"/>
                  </a:lnTo>
                  <a:lnTo>
                    <a:pt x="391540" y="405634"/>
                  </a:lnTo>
                  <a:lnTo>
                    <a:pt x="399889" y="402713"/>
                  </a:lnTo>
                  <a:lnTo>
                    <a:pt x="407463" y="393981"/>
                  </a:lnTo>
                  <a:lnTo>
                    <a:pt x="414633" y="386060"/>
                  </a:lnTo>
                  <a:lnTo>
                    <a:pt x="421766" y="385568"/>
                  </a:lnTo>
                  <a:lnTo>
                    <a:pt x="428585" y="395335"/>
                  </a:lnTo>
                  <a:lnTo>
                    <a:pt x="430593" y="408174"/>
                  </a:lnTo>
                  <a:lnTo>
                    <a:pt x="430696" y="422251"/>
                  </a:lnTo>
                  <a:lnTo>
                    <a:pt x="431800" y="435733"/>
                  </a:lnTo>
                  <a:lnTo>
                    <a:pt x="433581" y="475997"/>
                  </a:lnTo>
                  <a:lnTo>
                    <a:pt x="434911" y="516298"/>
                  </a:lnTo>
                  <a:lnTo>
                    <a:pt x="437193" y="556480"/>
                  </a:lnTo>
                  <a:lnTo>
                    <a:pt x="441832" y="596388"/>
                  </a:lnTo>
                  <a:lnTo>
                    <a:pt x="444950" y="604629"/>
                  </a:lnTo>
                  <a:lnTo>
                    <a:pt x="450484" y="611929"/>
                  </a:lnTo>
                  <a:lnTo>
                    <a:pt x="456709" y="619015"/>
                  </a:lnTo>
                  <a:lnTo>
                    <a:pt x="461899" y="626614"/>
                  </a:lnTo>
                  <a:lnTo>
                    <a:pt x="464966" y="633870"/>
                  </a:lnTo>
                  <a:lnTo>
                    <a:pt x="467391" y="641425"/>
                  </a:lnTo>
                  <a:lnTo>
                    <a:pt x="469578" y="649098"/>
                  </a:lnTo>
                  <a:lnTo>
                    <a:pt x="471931" y="656713"/>
                  </a:lnTo>
                  <a:lnTo>
                    <a:pt x="474231" y="674294"/>
                  </a:lnTo>
                  <a:lnTo>
                    <a:pt x="476424" y="691923"/>
                  </a:lnTo>
                  <a:lnTo>
                    <a:pt x="478879" y="709505"/>
                  </a:lnTo>
                  <a:lnTo>
                    <a:pt x="481964" y="726944"/>
                  </a:lnTo>
                  <a:lnTo>
                    <a:pt x="484157" y="734577"/>
                  </a:lnTo>
                  <a:lnTo>
                    <a:pt x="487124" y="742009"/>
                  </a:lnTo>
                  <a:lnTo>
                    <a:pt x="490019" y="749464"/>
                  </a:lnTo>
                  <a:lnTo>
                    <a:pt x="491998" y="757170"/>
                  </a:lnTo>
                  <a:lnTo>
                    <a:pt x="494315" y="782367"/>
                  </a:lnTo>
                  <a:lnTo>
                    <a:pt x="495204" y="807779"/>
                  </a:lnTo>
                  <a:lnTo>
                    <a:pt x="496998" y="833000"/>
                  </a:lnTo>
                  <a:lnTo>
                    <a:pt x="502030" y="857627"/>
                  </a:lnTo>
                  <a:lnTo>
                    <a:pt x="507234" y="866473"/>
                  </a:lnTo>
                  <a:lnTo>
                    <a:pt x="515270" y="873629"/>
                  </a:lnTo>
                  <a:lnTo>
                    <a:pt x="524212" y="880308"/>
                  </a:lnTo>
                  <a:lnTo>
                    <a:pt x="532129" y="887726"/>
                  </a:lnTo>
                  <a:lnTo>
                    <a:pt x="537604" y="894929"/>
                  </a:lnTo>
                  <a:lnTo>
                    <a:pt x="542591" y="902489"/>
                  </a:lnTo>
                  <a:lnTo>
                    <a:pt x="547364" y="910193"/>
                  </a:lnTo>
                  <a:lnTo>
                    <a:pt x="552196" y="917825"/>
                  </a:lnTo>
                  <a:lnTo>
                    <a:pt x="552870" y="943558"/>
                  </a:lnTo>
                  <a:lnTo>
                    <a:pt x="552259" y="969672"/>
                  </a:lnTo>
                  <a:lnTo>
                    <a:pt x="554124" y="994977"/>
                  </a:lnTo>
                  <a:lnTo>
                    <a:pt x="562228" y="1018282"/>
                  </a:lnTo>
                  <a:lnTo>
                    <a:pt x="568969" y="1020508"/>
                  </a:lnTo>
                  <a:lnTo>
                    <a:pt x="577389" y="1012471"/>
                  </a:lnTo>
                  <a:lnTo>
                    <a:pt x="598930" y="973756"/>
                  </a:lnTo>
                  <a:lnTo>
                    <a:pt x="607974" y="943141"/>
                  </a:lnTo>
                  <a:lnTo>
                    <a:pt x="612521" y="927858"/>
                  </a:lnTo>
                  <a:lnTo>
                    <a:pt x="622553" y="897759"/>
                  </a:lnTo>
                  <a:lnTo>
                    <a:pt x="620200" y="890144"/>
                  </a:lnTo>
                  <a:lnTo>
                    <a:pt x="618013" y="882471"/>
                  </a:lnTo>
                  <a:lnTo>
                    <a:pt x="615588" y="874916"/>
                  </a:lnTo>
                  <a:lnTo>
                    <a:pt x="612521" y="867660"/>
                  </a:lnTo>
                  <a:lnTo>
                    <a:pt x="598255" y="845458"/>
                  </a:lnTo>
                  <a:lnTo>
                    <a:pt x="588025" y="829591"/>
                  </a:lnTo>
                  <a:lnTo>
                    <a:pt x="587535" y="810152"/>
                  </a:lnTo>
                  <a:lnTo>
                    <a:pt x="602487" y="777236"/>
                  </a:lnTo>
                  <a:lnTo>
                    <a:pt x="607976" y="772221"/>
                  </a:lnTo>
                  <a:lnTo>
                    <a:pt x="615727" y="769981"/>
                  </a:lnTo>
                  <a:lnTo>
                    <a:pt x="624383" y="768859"/>
                  </a:lnTo>
                  <a:lnTo>
                    <a:pt x="632586" y="767203"/>
                  </a:lnTo>
                  <a:lnTo>
                    <a:pt x="634886" y="759588"/>
                  </a:lnTo>
                  <a:lnTo>
                    <a:pt x="637079" y="751915"/>
                  </a:lnTo>
                  <a:lnTo>
                    <a:pt x="639534" y="744360"/>
                  </a:lnTo>
                  <a:lnTo>
                    <a:pt x="642620" y="737104"/>
                  </a:lnTo>
                  <a:lnTo>
                    <a:pt x="654448" y="716926"/>
                  </a:lnTo>
                  <a:lnTo>
                    <a:pt x="661908" y="707894"/>
                  </a:lnTo>
                  <a:lnTo>
                    <a:pt x="667248" y="698384"/>
                  </a:lnTo>
                  <a:lnTo>
                    <a:pt x="672719" y="676779"/>
                  </a:lnTo>
                  <a:lnTo>
                    <a:pt x="682093" y="614218"/>
                  </a:lnTo>
                  <a:lnTo>
                    <a:pt x="683281" y="581224"/>
                  </a:lnTo>
                  <a:lnTo>
                    <a:pt x="684798" y="565450"/>
                  </a:lnTo>
                  <a:lnTo>
                    <a:pt x="695160" y="554554"/>
                  </a:lnTo>
                  <a:lnTo>
                    <a:pt x="722883" y="536190"/>
                  </a:lnTo>
                  <a:lnTo>
                    <a:pt x="731160" y="511542"/>
                  </a:lnTo>
                  <a:lnTo>
                    <a:pt x="734804" y="499585"/>
                  </a:lnTo>
                  <a:lnTo>
                    <a:pt x="735513" y="493045"/>
                  </a:lnTo>
                  <a:lnTo>
                    <a:pt x="734985" y="484646"/>
                  </a:lnTo>
                  <a:lnTo>
                    <a:pt x="734917" y="467112"/>
                  </a:lnTo>
                  <a:lnTo>
                    <a:pt x="742950" y="375535"/>
                  </a:lnTo>
                  <a:lnTo>
                    <a:pt x="750308" y="345316"/>
                  </a:lnTo>
                  <a:lnTo>
                    <a:pt x="753109" y="335276"/>
                  </a:lnTo>
                  <a:lnTo>
                    <a:pt x="757253" y="281459"/>
                  </a:lnTo>
                  <a:lnTo>
                    <a:pt x="783208" y="224786"/>
                  </a:lnTo>
                  <a:lnTo>
                    <a:pt x="820535" y="216588"/>
                  </a:lnTo>
                  <a:lnTo>
                    <a:pt x="833374" y="214753"/>
                  </a:lnTo>
                  <a:lnTo>
                    <a:pt x="838813" y="207424"/>
                  </a:lnTo>
                  <a:lnTo>
                    <a:pt x="844502" y="200227"/>
                  </a:lnTo>
                  <a:lnTo>
                    <a:pt x="849643" y="192768"/>
                  </a:lnTo>
                  <a:lnTo>
                    <a:pt x="853439" y="184654"/>
                  </a:lnTo>
                  <a:lnTo>
                    <a:pt x="855454" y="168818"/>
                  </a:lnTo>
                  <a:lnTo>
                    <a:pt x="854789" y="151888"/>
                  </a:lnTo>
                  <a:lnTo>
                    <a:pt x="855958" y="136290"/>
                  </a:lnTo>
                  <a:lnTo>
                    <a:pt x="863473" y="124456"/>
                  </a:lnTo>
                  <a:lnTo>
                    <a:pt x="874633" y="130629"/>
                  </a:lnTo>
                  <a:lnTo>
                    <a:pt x="890936" y="150792"/>
                  </a:lnTo>
                  <a:lnTo>
                    <a:pt x="906049" y="172837"/>
                  </a:lnTo>
                  <a:lnTo>
                    <a:pt x="913637" y="184654"/>
                  </a:lnTo>
                  <a:lnTo>
                    <a:pt x="915036" y="232293"/>
                  </a:lnTo>
                  <a:lnTo>
                    <a:pt x="914453" y="280315"/>
                  </a:lnTo>
                  <a:lnTo>
                    <a:pt x="913374" y="328432"/>
                  </a:lnTo>
                  <a:lnTo>
                    <a:pt x="913286" y="376358"/>
                  </a:lnTo>
                  <a:lnTo>
                    <a:pt x="915676" y="423806"/>
                  </a:lnTo>
                  <a:lnTo>
                    <a:pt x="922028" y="470490"/>
                  </a:lnTo>
                  <a:lnTo>
                    <a:pt x="933830" y="516124"/>
                  </a:lnTo>
                  <a:lnTo>
                    <a:pt x="952636" y="550003"/>
                  </a:lnTo>
                  <a:lnTo>
                    <a:pt x="973962" y="556256"/>
                  </a:lnTo>
                  <a:lnTo>
                    <a:pt x="970734" y="571289"/>
                  </a:lnTo>
                  <a:lnTo>
                    <a:pt x="967089" y="586323"/>
                  </a:lnTo>
                  <a:lnTo>
                    <a:pt x="964372" y="601404"/>
                  </a:lnTo>
                  <a:lnTo>
                    <a:pt x="963929" y="616581"/>
                  </a:lnTo>
                  <a:lnTo>
                    <a:pt x="968289" y="655220"/>
                  </a:lnTo>
                  <a:lnTo>
                    <a:pt x="975471" y="680525"/>
                  </a:lnTo>
                  <a:lnTo>
                    <a:pt x="986915" y="701448"/>
                  </a:lnTo>
                  <a:lnTo>
                    <a:pt x="1004061" y="726944"/>
                  </a:lnTo>
                  <a:lnTo>
                    <a:pt x="1005326" y="740177"/>
                  </a:lnTo>
                  <a:lnTo>
                    <a:pt x="1043964" y="798424"/>
                  </a:lnTo>
                  <a:lnTo>
                    <a:pt x="1063555" y="800654"/>
                  </a:lnTo>
                  <a:lnTo>
                    <a:pt x="1073229" y="797307"/>
                  </a:lnTo>
                  <a:lnTo>
                    <a:pt x="1073344" y="801762"/>
                  </a:lnTo>
                  <a:lnTo>
                    <a:pt x="1064259" y="827401"/>
                  </a:lnTo>
                  <a:lnTo>
                    <a:pt x="1067788" y="841823"/>
                  </a:lnTo>
                  <a:lnTo>
                    <a:pt x="1072864" y="862008"/>
                  </a:lnTo>
                  <a:lnTo>
                    <a:pt x="1078654" y="882479"/>
                  </a:lnTo>
                  <a:lnTo>
                    <a:pt x="1084326" y="897759"/>
                  </a:lnTo>
                  <a:lnTo>
                    <a:pt x="1089088" y="905462"/>
                  </a:lnTo>
                  <a:lnTo>
                    <a:pt x="1094612" y="912713"/>
                  </a:lnTo>
                  <a:lnTo>
                    <a:pt x="1100042" y="920011"/>
                  </a:lnTo>
                  <a:lnTo>
                    <a:pt x="1104519" y="927858"/>
                  </a:lnTo>
                  <a:lnTo>
                    <a:pt x="1120914" y="967170"/>
                  </a:lnTo>
                  <a:lnTo>
                    <a:pt x="1126043" y="983954"/>
                  </a:lnTo>
                  <a:lnTo>
                    <a:pt x="1125442" y="987833"/>
                  </a:lnTo>
                  <a:lnTo>
                    <a:pt x="1124650" y="988432"/>
                  </a:lnTo>
                  <a:lnTo>
                    <a:pt x="1129207" y="995373"/>
                  </a:lnTo>
                  <a:lnTo>
                    <a:pt x="1144651" y="1018282"/>
                  </a:lnTo>
                  <a:lnTo>
                    <a:pt x="1146236" y="1048543"/>
                  </a:lnTo>
                  <a:lnTo>
                    <a:pt x="1147238" y="1078924"/>
                  </a:lnTo>
                  <a:lnTo>
                    <a:pt x="1149455" y="1109114"/>
                  </a:lnTo>
                  <a:lnTo>
                    <a:pt x="1154683" y="1138805"/>
                  </a:lnTo>
                  <a:lnTo>
                    <a:pt x="1157216" y="1140051"/>
                  </a:lnTo>
                  <a:lnTo>
                    <a:pt x="1159795" y="1128772"/>
                  </a:lnTo>
                  <a:lnTo>
                    <a:pt x="1162327" y="1112444"/>
                  </a:lnTo>
                  <a:lnTo>
                    <a:pt x="1164716" y="1098546"/>
                  </a:lnTo>
                  <a:lnTo>
                    <a:pt x="1172579" y="1062573"/>
                  </a:lnTo>
                  <a:lnTo>
                    <a:pt x="1175570" y="1047620"/>
                  </a:lnTo>
                  <a:lnTo>
                    <a:pt x="1175613" y="1045691"/>
                  </a:lnTo>
                  <a:lnTo>
                    <a:pt x="1174632" y="1048787"/>
                  </a:lnTo>
                  <a:lnTo>
                    <a:pt x="1177293" y="1038063"/>
                  </a:lnTo>
                  <a:lnTo>
                    <a:pt x="1184782" y="1008249"/>
                  </a:lnTo>
                  <a:lnTo>
                    <a:pt x="1185689" y="962775"/>
                  </a:lnTo>
                  <a:lnTo>
                    <a:pt x="1185560" y="917158"/>
                  </a:lnTo>
                  <a:lnTo>
                    <a:pt x="1187551" y="871874"/>
                  </a:lnTo>
                  <a:lnTo>
                    <a:pt x="1194815" y="827401"/>
                  </a:lnTo>
                  <a:lnTo>
                    <a:pt x="1201300" y="819783"/>
                  </a:lnTo>
                  <a:lnTo>
                    <a:pt x="1212691" y="816272"/>
                  </a:lnTo>
                  <a:lnTo>
                    <a:pt x="1225176" y="813309"/>
                  </a:lnTo>
                  <a:lnTo>
                    <a:pt x="1234948" y="807335"/>
                  </a:lnTo>
                  <a:lnTo>
                    <a:pt x="1239801" y="798492"/>
                  </a:lnTo>
                  <a:lnTo>
                    <a:pt x="1242059" y="788316"/>
                  </a:lnTo>
                  <a:lnTo>
                    <a:pt x="1243270" y="777617"/>
                  </a:lnTo>
                  <a:lnTo>
                    <a:pt x="1244980" y="767203"/>
                  </a:lnTo>
                  <a:lnTo>
                    <a:pt x="1247427" y="708848"/>
                  </a:lnTo>
                  <a:lnTo>
                    <a:pt x="1247886" y="679271"/>
                  </a:lnTo>
                  <a:lnTo>
                    <a:pt x="1259464" y="663529"/>
                  </a:lnTo>
                  <a:lnTo>
                    <a:pt x="1295273" y="646680"/>
                  </a:lnTo>
                  <a:lnTo>
                    <a:pt x="1302637" y="643808"/>
                  </a:lnTo>
                  <a:lnTo>
                    <a:pt x="1310179" y="641330"/>
                  </a:lnTo>
                  <a:lnTo>
                    <a:pt x="1317793" y="639018"/>
                  </a:lnTo>
                  <a:lnTo>
                    <a:pt x="1325372" y="636647"/>
                  </a:lnTo>
                  <a:lnTo>
                    <a:pt x="1334623" y="609113"/>
                  </a:lnTo>
                  <a:lnTo>
                    <a:pt x="1338040" y="590117"/>
                  </a:lnTo>
                  <a:lnTo>
                    <a:pt x="1335123" y="566763"/>
                  </a:lnTo>
                  <a:lnTo>
                    <a:pt x="1325372" y="526157"/>
                  </a:lnTo>
                  <a:lnTo>
                    <a:pt x="1324609" y="522855"/>
                  </a:lnTo>
                  <a:lnTo>
                    <a:pt x="1318640" y="526157"/>
                  </a:lnTo>
                  <a:lnTo>
                    <a:pt x="1315338" y="526157"/>
                  </a:lnTo>
                </a:path>
              </a:pathLst>
            </a:custGeom>
            <a:ln w="12192">
              <a:solidFill>
                <a:srgbClr val="FF0000"/>
              </a:solidFill>
            </a:ln>
          </p:spPr>
          <p:txBody>
            <a:bodyPr wrap="square" lIns="0" tIns="0" rIns="0" bIns="0" rtlCol="0"/>
            <a:lstStyle/>
            <a:p>
              <a:endParaRPr/>
            </a:p>
          </p:txBody>
        </p:sp>
      </p:grpSp>
      <p:sp>
        <p:nvSpPr>
          <p:cNvPr id="45" name="object 45"/>
          <p:cNvSpPr txBox="1"/>
          <p:nvPr/>
        </p:nvSpPr>
        <p:spPr>
          <a:xfrm>
            <a:off x="6826122" y="4432809"/>
            <a:ext cx="1706880" cy="527685"/>
          </a:xfrm>
          <a:prstGeom prst="rect">
            <a:avLst/>
          </a:prstGeom>
        </p:spPr>
        <p:txBody>
          <a:bodyPr vert="horz" wrap="square" lIns="0" tIns="13970" rIns="0" bIns="0" rtlCol="0">
            <a:spAutoFit/>
          </a:bodyPr>
          <a:lstStyle/>
          <a:p>
            <a:pPr marL="12700" marR="5080" algn="just">
              <a:lnSpc>
                <a:spcPct val="99500"/>
              </a:lnSpc>
              <a:spcBef>
                <a:spcPts val="110"/>
              </a:spcBef>
            </a:pPr>
            <a:r>
              <a:rPr sz="1100" b="1" dirty="0">
                <a:latin typeface="ＭＳ ゴシック"/>
                <a:cs typeface="ＭＳ ゴシック"/>
              </a:rPr>
              <a:t>※</a:t>
            </a:r>
            <a:r>
              <a:rPr sz="1100" b="1" spc="-15" dirty="0">
                <a:latin typeface="メイリオ"/>
                <a:cs typeface="メイリオ"/>
              </a:rPr>
              <a:t>リザバー層内の各ノード</a:t>
            </a:r>
            <a:r>
              <a:rPr sz="1100" b="1" spc="-10" dirty="0">
                <a:latin typeface="メイリオ"/>
                <a:cs typeface="メイリオ"/>
              </a:rPr>
              <a:t>の応答はちょっとずつ違う形をしている！</a:t>
            </a:r>
            <a:endParaRPr sz="1100">
              <a:latin typeface="メイリオ"/>
              <a:cs typeface="メイリオ"/>
            </a:endParaRPr>
          </a:p>
        </p:txBody>
      </p:sp>
      <p:grpSp>
        <p:nvGrpSpPr>
          <p:cNvPr id="46" name="object 46"/>
          <p:cNvGrpSpPr/>
          <p:nvPr/>
        </p:nvGrpSpPr>
        <p:grpSpPr>
          <a:xfrm>
            <a:off x="1560577" y="932688"/>
            <a:ext cx="6751955" cy="4875530"/>
            <a:chOff x="36576" y="932688"/>
            <a:chExt cx="6751955" cy="4875530"/>
          </a:xfrm>
        </p:grpSpPr>
        <p:sp>
          <p:nvSpPr>
            <p:cNvPr id="47" name="object 47"/>
            <p:cNvSpPr/>
            <p:nvPr/>
          </p:nvSpPr>
          <p:spPr>
            <a:xfrm>
              <a:off x="1870202" y="1078991"/>
              <a:ext cx="1109345" cy="822325"/>
            </a:xfrm>
            <a:custGeom>
              <a:avLst/>
              <a:gdLst/>
              <a:ahLst/>
              <a:cxnLst/>
              <a:rect l="l" t="t" r="r" b="b"/>
              <a:pathLst>
                <a:path w="1109345" h="822325">
                  <a:moveTo>
                    <a:pt x="1109218" y="513588"/>
                  </a:moveTo>
                  <a:lnTo>
                    <a:pt x="1096518" y="507238"/>
                  </a:lnTo>
                  <a:lnTo>
                    <a:pt x="1033018" y="475488"/>
                  </a:lnTo>
                  <a:lnTo>
                    <a:pt x="1033018" y="507238"/>
                  </a:lnTo>
                  <a:lnTo>
                    <a:pt x="46075" y="507238"/>
                  </a:lnTo>
                  <a:lnTo>
                    <a:pt x="44488" y="76327"/>
                  </a:lnTo>
                  <a:lnTo>
                    <a:pt x="76327" y="76327"/>
                  </a:lnTo>
                  <a:lnTo>
                    <a:pt x="69850" y="63500"/>
                  </a:lnTo>
                  <a:lnTo>
                    <a:pt x="37846" y="0"/>
                  </a:lnTo>
                  <a:lnTo>
                    <a:pt x="0" y="76327"/>
                  </a:lnTo>
                  <a:lnTo>
                    <a:pt x="31788" y="76327"/>
                  </a:lnTo>
                  <a:lnTo>
                    <a:pt x="33375" y="507238"/>
                  </a:lnTo>
                  <a:lnTo>
                    <a:pt x="22606" y="507238"/>
                  </a:lnTo>
                  <a:lnTo>
                    <a:pt x="22606" y="519938"/>
                  </a:lnTo>
                  <a:lnTo>
                    <a:pt x="33426" y="519938"/>
                  </a:lnTo>
                  <a:lnTo>
                    <a:pt x="34544" y="822325"/>
                  </a:lnTo>
                  <a:lnTo>
                    <a:pt x="47244" y="822325"/>
                  </a:lnTo>
                  <a:lnTo>
                    <a:pt x="46126" y="519938"/>
                  </a:lnTo>
                  <a:lnTo>
                    <a:pt x="1033018" y="519938"/>
                  </a:lnTo>
                  <a:lnTo>
                    <a:pt x="1033018" y="551688"/>
                  </a:lnTo>
                  <a:lnTo>
                    <a:pt x="1096518" y="519938"/>
                  </a:lnTo>
                  <a:lnTo>
                    <a:pt x="1109218" y="513588"/>
                  </a:lnTo>
                  <a:close/>
                </a:path>
              </a:pathLst>
            </a:custGeom>
            <a:solidFill>
              <a:srgbClr val="000000"/>
            </a:solidFill>
          </p:spPr>
          <p:txBody>
            <a:bodyPr wrap="square" lIns="0" tIns="0" rIns="0" bIns="0" rtlCol="0"/>
            <a:lstStyle/>
            <a:p>
              <a:endParaRPr/>
            </a:p>
          </p:txBody>
        </p:sp>
        <p:sp>
          <p:nvSpPr>
            <p:cNvPr id="48" name="object 48"/>
            <p:cNvSpPr/>
            <p:nvPr/>
          </p:nvSpPr>
          <p:spPr>
            <a:xfrm>
              <a:off x="1906524" y="1257300"/>
              <a:ext cx="890269" cy="525780"/>
            </a:xfrm>
            <a:custGeom>
              <a:avLst/>
              <a:gdLst/>
              <a:ahLst/>
              <a:cxnLst/>
              <a:rect l="l" t="t" r="r" b="b"/>
              <a:pathLst>
                <a:path w="890269" h="525780">
                  <a:moveTo>
                    <a:pt x="0" y="490727"/>
                  </a:moveTo>
                  <a:lnTo>
                    <a:pt x="29221" y="505059"/>
                  </a:lnTo>
                  <a:lnTo>
                    <a:pt x="58419" y="509936"/>
                  </a:lnTo>
                  <a:lnTo>
                    <a:pt x="87618" y="495907"/>
                  </a:lnTo>
                  <a:lnTo>
                    <a:pt x="116839" y="453516"/>
                  </a:lnTo>
                  <a:lnTo>
                    <a:pt x="140805" y="376824"/>
                  </a:lnTo>
                  <a:lnTo>
                    <a:pt x="153054" y="322689"/>
                  </a:lnTo>
                  <a:lnTo>
                    <a:pt x="165337" y="263220"/>
                  </a:lnTo>
                  <a:lnTo>
                    <a:pt x="177546" y="202311"/>
                  </a:lnTo>
                  <a:lnTo>
                    <a:pt x="189571" y="143855"/>
                  </a:lnTo>
                  <a:lnTo>
                    <a:pt x="201305" y="91747"/>
                  </a:lnTo>
                  <a:lnTo>
                    <a:pt x="212640" y="49880"/>
                  </a:lnTo>
                  <a:lnTo>
                    <a:pt x="223468" y="22148"/>
                  </a:lnTo>
                  <a:lnTo>
                    <a:pt x="233680" y="12446"/>
                  </a:lnTo>
                  <a:lnTo>
                    <a:pt x="243163" y="23515"/>
                  </a:lnTo>
                  <a:lnTo>
                    <a:pt x="260078" y="96283"/>
                  </a:lnTo>
                  <a:lnTo>
                    <a:pt x="267833" y="150046"/>
                  </a:lnTo>
                  <a:lnTo>
                    <a:pt x="275336" y="210105"/>
                  </a:lnTo>
                  <a:lnTo>
                    <a:pt x="282746" y="272492"/>
                  </a:lnTo>
                  <a:lnTo>
                    <a:pt x="290227" y="333238"/>
                  </a:lnTo>
                  <a:lnTo>
                    <a:pt x="297939" y="388378"/>
                  </a:lnTo>
                  <a:lnTo>
                    <a:pt x="306045" y="433942"/>
                  </a:lnTo>
                  <a:lnTo>
                    <a:pt x="339413" y="504015"/>
                  </a:lnTo>
                  <a:lnTo>
                    <a:pt x="366347" y="509777"/>
                  </a:lnTo>
                  <a:lnTo>
                    <a:pt x="392162" y="499824"/>
                  </a:lnTo>
                  <a:lnTo>
                    <a:pt x="413512" y="490727"/>
                  </a:lnTo>
                  <a:lnTo>
                    <a:pt x="425823" y="492756"/>
                  </a:lnTo>
                  <a:lnTo>
                    <a:pt x="458469" y="441071"/>
                  </a:lnTo>
                  <a:lnTo>
                    <a:pt x="485257" y="363305"/>
                  </a:lnTo>
                  <a:lnTo>
                    <a:pt x="502147" y="308771"/>
                  </a:lnTo>
                  <a:lnTo>
                    <a:pt x="520433" y="249018"/>
                  </a:lnTo>
                  <a:lnTo>
                    <a:pt x="539416" y="187960"/>
                  </a:lnTo>
                  <a:lnTo>
                    <a:pt x="558395" y="129507"/>
                  </a:lnTo>
                  <a:lnTo>
                    <a:pt x="576670" y="77573"/>
                  </a:lnTo>
                  <a:lnTo>
                    <a:pt x="593541" y="36069"/>
                  </a:lnTo>
                  <a:lnTo>
                    <a:pt x="620268" y="0"/>
                  </a:lnTo>
                  <a:lnTo>
                    <a:pt x="629194" y="12305"/>
                  </a:lnTo>
                  <a:lnTo>
                    <a:pt x="640124" y="89022"/>
                  </a:lnTo>
                  <a:lnTo>
                    <a:pt x="643262" y="145196"/>
                  </a:lnTo>
                  <a:lnTo>
                    <a:pt x="645604" y="207756"/>
                  </a:lnTo>
                  <a:lnTo>
                    <a:pt x="647718" y="272582"/>
                  </a:lnTo>
                  <a:lnTo>
                    <a:pt x="650170" y="335557"/>
                  </a:lnTo>
                  <a:lnTo>
                    <a:pt x="653527" y="392562"/>
                  </a:lnTo>
                  <a:lnTo>
                    <a:pt x="658357" y="439477"/>
                  </a:lnTo>
                  <a:lnTo>
                    <a:pt x="689645" y="514544"/>
                  </a:lnTo>
                  <a:lnTo>
                    <a:pt x="719804" y="525684"/>
                  </a:lnTo>
                  <a:lnTo>
                    <a:pt x="751915" y="513155"/>
                  </a:lnTo>
                  <a:lnTo>
                    <a:pt x="782193" y="484504"/>
                  </a:lnTo>
                  <a:lnTo>
                    <a:pt x="818924" y="416917"/>
                  </a:lnTo>
                  <a:lnTo>
                    <a:pt x="836914" y="369649"/>
                  </a:lnTo>
                  <a:lnTo>
                    <a:pt x="854724" y="316168"/>
                  </a:lnTo>
                  <a:lnTo>
                    <a:pt x="872407" y="258553"/>
                  </a:lnTo>
                  <a:lnTo>
                    <a:pt x="890015" y="198882"/>
                  </a:lnTo>
                </a:path>
              </a:pathLst>
            </a:custGeom>
            <a:ln w="12192">
              <a:solidFill>
                <a:srgbClr val="00AF50"/>
              </a:solidFill>
            </a:ln>
          </p:spPr>
          <p:txBody>
            <a:bodyPr wrap="square" lIns="0" tIns="0" rIns="0" bIns="0" rtlCol="0"/>
            <a:lstStyle/>
            <a:p>
              <a:endParaRPr/>
            </a:p>
          </p:txBody>
        </p:sp>
        <p:sp>
          <p:nvSpPr>
            <p:cNvPr id="49" name="object 49"/>
            <p:cNvSpPr/>
            <p:nvPr/>
          </p:nvSpPr>
          <p:spPr>
            <a:xfrm>
              <a:off x="1807464" y="966216"/>
              <a:ext cx="1340485" cy="1245235"/>
            </a:xfrm>
            <a:custGeom>
              <a:avLst/>
              <a:gdLst/>
              <a:ahLst/>
              <a:cxnLst/>
              <a:rect l="l" t="t" r="r" b="b"/>
              <a:pathLst>
                <a:path w="1340485" h="1245235">
                  <a:moveTo>
                    <a:pt x="0" y="183134"/>
                  </a:moveTo>
                  <a:lnTo>
                    <a:pt x="6545" y="134467"/>
                  </a:lnTo>
                  <a:lnTo>
                    <a:pt x="25014" y="90725"/>
                  </a:lnTo>
                  <a:lnTo>
                    <a:pt x="53657" y="53657"/>
                  </a:lnTo>
                  <a:lnTo>
                    <a:pt x="90725" y="25014"/>
                  </a:lnTo>
                  <a:lnTo>
                    <a:pt x="134467" y="6545"/>
                  </a:lnTo>
                  <a:lnTo>
                    <a:pt x="183134" y="0"/>
                  </a:lnTo>
                  <a:lnTo>
                    <a:pt x="778763" y="0"/>
                  </a:lnTo>
                  <a:lnTo>
                    <a:pt x="1112520" y="0"/>
                  </a:lnTo>
                  <a:lnTo>
                    <a:pt x="1151890" y="0"/>
                  </a:lnTo>
                  <a:lnTo>
                    <a:pt x="1200556" y="6545"/>
                  </a:lnTo>
                  <a:lnTo>
                    <a:pt x="1244298" y="25014"/>
                  </a:lnTo>
                  <a:lnTo>
                    <a:pt x="1281366" y="53657"/>
                  </a:lnTo>
                  <a:lnTo>
                    <a:pt x="1310009" y="90725"/>
                  </a:lnTo>
                  <a:lnTo>
                    <a:pt x="1328478" y="134467"/>
                  </a:lnTo>
                  <a:lnTo>
                    <a:pt x="1335024" y="183134"/>
                  </a:lnTo>
                  <a:lnTo>
                    <a:pt x="1335024" y="640969"/>
                  </a:lnTo>
                  <a:lnTo>
                    <a:pt x="1335024" y="915670"/>
                  </a:lnTo>
                  <a:lnTo>
                    <a:pt x="1328478" y="964336"/>
                  </a:lnTo>
                  <a:lnTo>
                    <a:pt x="1310009" y="1008078"/>
                  </a:lnTo>
                  <a:lnTo>
                    <a:pt x="1281366" y="1045146"/>
                  </a:lnTo>
                  <a:lnTo>
                    <a:pt x="1244298" y="1073789"/>
                  </a:lnTo>
                  <a:lnTo>
                    <a:pt x="1200556" y="1092258"/>
                  </a:lnTo>
                  <a:lnTo>
                    <a:pt x="1151890" y="1098804"/>
                  </a:lnTo>
                  <a:lnTo>
                    <a:pt x="1112520" y="1098804"/>
                  </a:lnTo>
                  <a:lnTo>
                    <a:pt x="1340358" y="1245235"/>
                  </a:lnTo>
                  <a:lnTo>
                    <a:pt x="778763" y="1098804"/>
                  </a:lnTo>
                  <a:lnTo>
                    <a:pt x="183134" y="1098804"/>
                  </a:lnTo>
                  <a:lnTo>
                    <a:pt x="134467" y="1092258"/>
                  </a:lnTo>
                  <a:lnTo>
                    <a:pt x="90725" y="1073789"/>
                  </a:lnTo>
                  <a:lnTo>
                    <a:pt x="53657" y="1045146"/>
                  </a:lnTo>
                  <a:lnTo>
                    <a:pt x="25014" y="1008078"/>
                  </a:lnTo>
                  <a:lnTo>
                    <a:pt x="6545" y="964336"/>
                  </a:lnTo>
                  <a:lnTo>
                    <a:pt x="0" y="915670"/>
                  </a:lnTo>
                  <a:lnTo>
                    <a:pt x="0" y="640969"/>
                  </a:lnTo>
                  <a:lnTo>
                    <a:pt x="0" y="183134"/>
                  </a:lnTo>
                  <a:close/>
                </a:path>
              </a:pathLst>
            </a:custGeom>
            <a:ln w="12192">
              <a:solidFill>
                <a:srgbClr val="000000"/>
              </a:solidFill>
              <a:prstDash val="lgDashDot"/>
            </a:ln>
          </p:spPr>
          <p:txBody>
            <a:bodyPr wrap="square" lIns="0" tIns="0" rIns="0" bIns="0" rtlCol="0"/>
            <a:lstStyle/>
            <a:p>
              <a:endParaRPr/>
            </a:p>
          </p:txBody>
        </p:sp>
        <p:sp>
          <p:nvSpPr>
            <p:cNvPr id="50" name="object 50"/>
            <p:cNvSpPr/>
            <p:nvPr/>
          </p:nvSpPr>
          <p:spPr>
            <a:xfrm>
              <a:off x="5081270" y="1051559"/>
              <a:ext cx="1192530" cy="892175"/>
            </a:xfrm>
            <a:custGeom>
              <a:avLst/>
              <a:gdLst/>
              <a:ahLst/>
              <a:cxnLst/>
              <a:rect l="l" t="t" r="r" b="b"/>
              <a:pathLst>
                <a:path w="1192529" h="892175">
                  <a:moveTo>
                    <a:pt x="1192149" y="556260"/>
                  </a:moveTo>
                  <a:lnTo>
                    <a:pt x="1179449" y="549910"/>
                  </a:lnTo>
                  <a:lnTo>
                    <a:pt x="1115949" y="518160"/>
                  </a:lnTo>
                  <a:lnTo>
                    <a:pt x="1115949" y="549910"/>
                  </a:lnTo>
                  <a:lnTo>
                    <a:pt x="46228" y="549910"/>
                  </a:lnTo>
                  <a:lnTo>
                    <a:pt x="44488" y="76327"/>
                  </a:lnTo>
                  <a:lnTo>
                    <a:pt x="76327" y="76327"/>
                  </a:lnTo>
                  <a:lnTo>
                    <a:pt x="69850" y="63500"/>
                  </a:lnTo>
                  <a:lnTo>
                    <a:pt x="37846" y="0"/>
                  </a:lnTo>
                  <a:lnTo>
                    <a:pt x="0" y="76327"/>
                  </a:lnTo>
                  <a:lnTo>
                    <a:pt x="31788" y="76327"/>
                  </a:lnTo>
                  <a:lnTo>
                    <a:pt x="33528" y="549910"/>
                  </a:lnTo>
                  <a:lnTo>
                    <a:pt x="21082" y="549910"/>
                  </a:lnTo>
                  <a:lnTo>
                    <a:pt x="21082" y="562610"/>
                  </a:lnTo>
                  <a:lnTo>
                    <a:pt x="33578" y="562610"/>
                  </a:lnTo>
                  <a:lnTo>
                    <a:pt x="34798" y="892048"/>
                  </a:lnTo>
                  <a:lnTo>
                    <a:pt x="47498" y="892048"/>
                  </a:lnTo>
                  <a:lnTo>
                    <a:pt x="46278" y="562610"/>
                  </a:lnTo>
                  <a:lnTo>
                    <a:pt x="1115949" y="562610"/>
                  </a:lnTo>
                  <a:lnTo>
                    <a:pt x="1115949" y="594360"/>
                  </a:lnTo>
                  <a:lnTo>
                    <a:pt x="1179449" y="562610"/>
                  </a:lnTo>
                  <a:lnTo>
                    <a:pt x="1192149" y="556260"/>
                  </a:lnTo>
                  <a:close/>
                </a:path>
              </a:pathLst>
            </a:custGeom>
            <a:solidFill>
              <a:srgbClr val="000000"/>
            </a:solidFill>
          </p:spPr>
          <p:txBody>
            <a:bodyPr wrap="square" lIns="0" tIns="0" rIns="0" bIns="0" rtlCol="0"/>
            <a:lstStyle/>
            <a:p>
              <a:endParaRPr/>
            </a:p>
          </p:txBody>
        </p:sp>
        <p:sp>
          <p:nvSpPr>
            <p:cNvPr id="51" name="object 51"/>
            <p:cNvSpPr/>
            <p:nvPr/>
          </p:nvSpPr>
          <p:spPr>
            <a:xfrm>
              <a:off x="5134355" y="1284732"/>
              <a:ext cx="852169" cy="498475"/>
            </a:xfrm>
            <a:custGeom>
              <a:avLst/>
              <a:gdLst/>
              <a:ahLst/>
              <a:cxnLst/>
              <a:rect l="l" t="t" r="r" b="b"/>
              <a:pathLst>
                <a:path w="852170" h="498475">
                  <a:moveTo>
                    <a:pt x="0" y="458596"/>
                  </a:moveTo>
                  <a:lnTo>
                    <a:pt x="28622" y="470626"/>
                  </a:lnTo>
                  <a:lnTo>
                    <a:pt x="56292" y="473773"/>
                  </a:lnTo>
                  <a:lnTo>
                    <a:pt x="82010" y="459204"/>
                  </a:lnTo>
                  <a:lnTo>
                    <a:pt x="104775" y="418083"/>
                  </a:lnTo>
                  <a:lnTo>
                    <a:pt x="120888" y="334356"/>
                  </a:lnTo>
                  <a:lnTo>
                    <a:pt x="127536" y="275458"/>
                  </a:lnTo>
                  <a:lnTo>
                    <a:pt x="133666" y="211900"/>
                  </a:lnTo>
                  <a:lnTo>
                    <a:pt x="139595" y="148704"/>
                  </a:lnTo>
                  <a:lnTo>
                    <a:pt x="145640" y="90894"/>
                  </a:lnTo>
                  <a:lnTo>
                    <a:pt x="152118" y="43491"/>
                  </a:lnTo>
                  <a:lnTo>
                    <a:pt x="159346" y="11519"/>
                  </a:lnTo>
                  <a:lnTo>
                    <a:pt x="167640" y="0"/>
                  </a:lnTo>
                  <a:lnTo>
                    <a:pt x="176675" y="12356"/>
                  </a:lnTo>
                  <a:lnTo>
                    <a:pt x="186038" y="45277"/>
                  </a:lnTo>
                  <a:lnTo>
                    <a:pt x="195782" y="93683"/>
                  </a:lnTo>
                  <a:lnTo>
                    <a:pt x="205962" y="152494"/>
                  </a:lnTo>
                  <a:lnTo>
                    <a:pt x="216632" y="216629"/>
                  </a:lnTo>
                  <a:lnTo>
                    <a:pt x="227847" y="281008"/>
                  </a:lnTo>
                  <a:lnTo>
                    <a:pt x="239661" y="340552"/>
                  </a:lnTo>
                  <a:lnTo>
                    <a:pt x="252128" y="390181"/>
                  </a:lnTo>
                  <a:lnTo>
                    <a:pt x="291628" y="464270"/>
                  </a:lnTo>
                  <a:lnTo>
                    <a:pt x="320794" y="489485"/>
                  </a:lnTo>
                  <a:lnTo>
                    <a:pt x="351466" y="498351"/>
                  </a:lnTo>
                  <a:lnTo>
                    <a:pt x="382309" y="488757"/>
                  </a:lnTo>
                  <a:lnTo>
                    <a:pt x="411988" y="458596"/>
                  </a:lnTo>
                  <a:lnTo>
                    <a:pt x="441829" y="386504"/>
                  </a:lnTo>
                  <a:lnTo>
                    <a:pt x="457269" y="333260"/>
                  </a:lnTo>
                  <a:lnTo>
                    <a:pt x="472720" y="273892"/>
                  </a:lnTo>
                  <a:lnTo>
                    <a:pt x="487934" y="212407"/>
                  </a:lnTo>
                  <a:lnTo>
                    <a:pt x="502659" y="152812"/>
                  </a:lnTo>
                  <a:lnTo>
                    <a:pt x="516648" y="99113"/>
                  </a:lnTo>
                  <a:lnTo>
                    <a:pt x="529648" y="55318"/>
                  </a:lnTo>
                  <a:lnTo>
                    <a:pt x="541412" y="25432"/>
                  </a:lnTo>
                  <a:lnTo>
                    <a:pt x="551688" y="13462"/>
                  </a:lnTo>
                  <a:lnTo>
                    <a:pt x="560894" y="23584"/>
                  </a:lnTo>
                  <a:lnTo>
                    <a:pt x="573367" y="100663"/>
                  </a:lnTo>
                  <a:lnTo>
                    <a:pt x="577669" y="157572"/>
                  </a:lnTo>
                  <a:lnTo>
                    <a:pt x="581374" y="220026"/>
                  </a:lnTo>
                  <a:lnTo>
                    <a:pt x="584999" y="283003"/>
                  </a:lnTo>
                  <a:lnTo>
                    <a:pt x="589063" y="341476"/>
                  </a:lnTo>
                  <a:lnTo>
                    <a:pt x="594085" y="390421"/>
                  </a:lnTo>
                  <a:lnTo>
                    <a:pt x="600583" y="424814"/>
                  </a:lnTo>
                  <a:lnTo>
                    <a:pt x="619553" y="464450"/>
                  </a:lnTo>
                  <a:lnTo>
                    <a:pt x="641572" y="477107"/>
                  </a:lnTo>
                  <a:lnTo>
                    <a:pt x="664019" y="475428"/>
                  </a:lnTo>
                  <a:lnTo>
                    <a:pt x="684276" y="472058"/>
                  </a:lnTo>
                  <a:lnTo>
                    <a:pt x="700510" y="470999"/>
                  </a:lnTo>
                  <a:lnTo>
                    <a:pt x="747141" y="424814"/>
                  </a:lnTo>
                  <a:lnTo>
                    <a:pt x="785045" y="352638"/>
                  </a:lnTo>
                  <a:lnTo>
                    <a:pt x="806512" y="306034"/>
                  </a:lnTo>
                  <a:lnTo>
                    <a:pt x="828973" y="255224"/>
                  </a:lnTo>
                  <a:lnTo>
                    <a:pt x="851916" y="202310"/>
                  </a:lnTo>
                </a:path>
              </a:pathLst>
            </a:custGeom>
            <a:ln w="12192">
              <a:solidFill>
                <a:srgbClr val="FFC000"/>
              </a:solidFill>
            </a:ln>
          </p:spPr>
          <p:txBody>
            <a:bodyPr wrap="square" lIns="0" tIns="0" rIns="0" bIns="0" rtlCol="0"/>
            <a:lstStyle/>
            <a:p>
              <a:endParaRPr/>
            </a:p>
          </p:txBody>
        </p:sp>
        <p:sp>
          <p:nvSpPr>
            <p:cNvPr id="52" name="object 52"/>
            <p:cNvSpPr/>
            <p:nvPr/>
          </p:nvSpPr>
          <p:spPr>
            <a:xfrm>
              <a:off x="5000243" y="938784"/>
              <a:ext cx="1335405" cy="1470025"/>
            </a:xfrm>
            <a:custGeom>
              <a:avLst/>
              <a:gdLst/>
              <a:ahLst/>
              <a:cxnLst/>
              <a:rect l="l" t="t" r="r" b="b"/>
              <a:pathLst>
                <a:path w="1335404" h="1470025">
                  <a:moveTo>
                    <a:pt x="0" y="182879"/>
                  </a:moveTo>
                  <a:lnTo>
                    <a:pt x="6535" y="134276"/>
                  </a:lnTo>
                  <a:lnTo>
                    <a:pt x="24976" y="90593"/>
                  </a:lnTo>
                  <a:lnTo>
                    <a:pt x="53578" y="53578"/>
                  </a:lnTo>
                  <a:lnTo>
                    <a:pt x="90593" y="24976"/>
                  </a:lnTo>
                  <a:lnTo>
                    <a:pt x="134276" y="6535"/>
                  </a:lnTo>
                  <a:lnTo>
                    <a:pt x="182879" y="0"/>
                  </a:lnTo>
                  <a:lnTo>
                    <a:pt x="222503" y="0"/>
                  </a:lnTo>
                  <a:lnTo>
                    <a:pt x="556259" y="0"/>
                  </a:lnTo>
                  <a:lnTo>
                    <a:pt x="1152143" y="0"/>
                  </a:lnTo>
                  <a:lnTo>
                    <a:pt x="1200747" y="6535"/>
                  </a:lnTo>
                  <a:lnTo>
                    <a:pt x="1244430" y="24976"/>
                  </a:lnTo>
                  <a:lnTo>
                    <a:pt x="1281445" y="53578"/>
                  </a:lnTo>
                  <a:lnTo>
                    <a:pt x="1310047" y="90593"/>
                  </a:lnTo>
                  <a:lnTo>
                    <a:pt x="1328488" y="134276"/>
                  </a:lnTo>
                  <a:lnTo>
                    <a:pt x="1335023" y="182879"/>
                  </a:lnTo>
                  <a:lnTo>
                    <a:pt x="1335023" y="640079"/>
                  </a:lnTo>
                  <a:lnTo>
                    <a:pt x="1335023" y="914400"/>
                  </a:lnTo>
                  <a:lnTo>
                    <a:pt x="1328488" y="963003"/>
                  </a:lnTo>
                  <a:lnTo>
                    <a:pt x="1310047" y="1006686"/>
                  </a:lnTo>
                  <a:lnTo>
                    <a:pt x="1281445" y="1043701"/>
                  </a:lnTo>
                  <a:lnTo>
                    <a:pt x="1244430" y="1072303"/>
                  </a:lnTo>
                  <a:lnTo>
                    <a:pt x="1200747" y="1090744"/>
                  </a:lnTo>
                  <a:lnTo>
                    <a:pt x="1152143" y="1097279"/>
                  </a:lnTo>
                  <a:lnTo>
                    <a:pt x="556259" y="1097279"/>
                  </a:lnTo>
                  <a:lnTo>
                    <a:pt x="72389" y="1469770"/>
                  </a:lnTo>
                  <a:lnTo>
                    <a:pt x="222503" y="1097279"/>
                  </a:lnTo>
                  <a:lnTo>
                    <a:pt x="182879" y="1097279"/>
                  </a:lnTo>
                  <a:lnTo>
                    <a:pt x="134276" y="1090744"/>
                  </a:lnTo>
                  <a:lnTo>
                    <a:pt x="90593" y="1072303"/>
                  </a:lnTo>
                  <a:lnTo>
                    <a:pt x="53578" y="1043701"/>
                  </a:lnTo>
                  <a:lnTo>
                    <a:pt x="24976" y="1006686"/>
                  </a:lnTo>
                  <a:lnTo>
                    <a:pt x="6535" y="963003"/>
                  </a:lnTo>
                  <a:lnTo>
                    <a:pt x="0" y="914400"/>
                  </a:lnTo>
                  <a:lnTo>
                    <a:pt x="0" y="640079"/>
                  </a:lnTo>
                  <a:lnTo>
                    <a:pt x="0" y="182879"/>
                  </a:lnTo>
                  <a:close/>
                </a:path>
              </a:pathLst>
            </a:custGeom>
            <a:ln w="12192">
              <a:solidFill>
                <a:srgbClr val="000000"/>
              </a:solidFill>
              <a:prstDash val="lgDashDot"/>
            </a:ln>
          </p:spPr>
          <p:txBody>
            <a:bodyPr wrap="square" lIns="0" tIns="0" rIns="0" bIns="0" rtlCol="0"/>
            <a:lstStyle/>
            <a:p>
              <a:endParaRPr/>
            </a:p>
          </p:txBody>
        </p:sp>
        <p:sp>
          <p:nvSpPr>
            <p:cNvPr id="53" name="object 53"/>
            <p:cNvSpPr/>
            <p:nvPr/>
          </p:nvSpPr>
          <p:spPr>
            <a:xfrm>
              <a:off x="3849878" y="4303776"/>
              <a:ext cx="1192530" cy="892175"/>
            </a:xfrm>
            <a:custGeom>
              <a:avLst/>
              <a:gdLst/>
              <a:ahLst/>
              <a:cxnLst/>
              <a:rect l="l" t="t" r="r" b="b"/>
              <a:pathLst>
                <a:path w="1192529" h="892175">
                  <a:moveTo>
                    <a:pt x="1192149" y="557784"/>
                  </a:moveTo>
                  <a:lnTo>
                    <a:pt x="1179449" y="551434"/>
                  </a:lnTo>
                  <a:lnTo>
                    <a:pt x="1115949" y="519684"/>
                  </a:lnTo>
                  <a:lnTo>
                    <a:pt x="1115949" y="551434"/>
                  </a:lnTo>
                  <a:lnTo>
                    <a:pt x="46240" y="551434"/>
                  </a:lnTo>
                  <a:lnTo>
                    <a:pt x="44488" y="76327"/>
                  </a:lnTo>
                  <a:lnTo>
                    <a:pt x="76327" y="76327"/>
                  </a:lnTo>
                  <a:lnTo>
                    <a:pt x="69850" y="63500"/>
                  </a:lnTo>
                  <a:lnTo>
                    <a:pt x="37846" y="0"/>
                  </a:lnTo>
                  <a:lnTo>
                    <a:pt x="0" y="76327"/>
                  </a:lnTo>
                  <a:lnTo>
                    <a:pt x="31788" y="76327"/>
                  </a:lnTo>
                  <a:lnTo>
                    <a:pt x="33540" y="551434"/>
                  </a:lnTo>
                  <a:lnTo>
                    <a:pt x="21082" y="551434"/>
                  </a:lnTo>
                  <a:lnTo>
                    <a:pt x="21082" y="564134"/>
                  </a:lnTo>
                  <a:lnTo>
                    <a:pt x="33591" y="564134"/>
                  </a:lnTo>
                  <a:lnTo>
                    <a:pt x="34798" y="892048"/>
                  </a:lnTo>
                  <a:lnTo>
                    <a:pt x="47498" y="892048"/>
                  </a:lnTo>
                  <a:lnTo>
                    <a:pt x="46278" y="564134"/>
                  </a:lnTo>
                  <a:lnTo>
                    <a:pt x="1115949" y="564134"/>
                  </a:lnTo>
                  <a:lnTo>
                    <a:pt x="1115949" y="595884"/>
                  </a:lnTo>
                  <a:lnTo>
                    <a:pt x="1179449" y="564134"/>
                  </a:lnTo>
                  <a:lnTo>
                    <a:pt x="1192149" y="557784"/>
                  </a:lnTo>
                  <a:close/>
                </a:path>
              </a:pathLst>
            </a:custGeom>
            <a:solidFill>
              <a:srgbClr val="000000"/>
            </a:solidFill>
          </p:spPr>
          <p:txBody>
            <a:bodyPr wrap="square" lIns="0" tIns="0" rIns="0" bIns="0" rtlCol="0"/>
            <a:lstStyle/>
            <a:p>
              <a:endParaRPr/>
            </a:p>
          </p:txBody>
        </p:sp>
        <p:sp>
          <p:nvSpPr>
            <p:cNvPr id="54" name="object 54"/>
            <p:cNvSpPr/>
            <p:nvPr/>
          </p:nvSpPr>
          <p:spPr>
            <a:xfrm>
              <a:off x="3895343" y="4514469"/>
              <a:ext cx="824865" cy="498475"/>
            </a:xfrm>
            <a:custGeom>
              <a:avLst/>
              <a:gdLst/>
              <a:ahLst/>
              <a:cxnLst/>
              <a:rect l="l" t="t" r="r" b="b"/>
              <a:pathLst>
                <a:path w="824864" h="498475">
                  <a:moveTo>
                    <a:pt x="0" y="497966"/>
                  </a:moveTo>
                  <a:lnTo>
                    <a:pt x="41909" y="447484"/>
                  </a:lnTo>
                  <a:lnTo>
                    <a:pt x="62864" y="409634"/>
                  </a:lnTo>
                  <a:lnTo>
                    <a:pt x="83819" y="356615"/>
                  </a:lnTo>
                  <a:lnTo>
                    <a:pt x="94349" y="316977"/>
                  </a:lnTo>
                  <a:lnTo>
                    <a:pt x="104953" y="264175"/>
                  </a:lnTo>
                  <a:lnTo>
                    <a:pt x="115587" y="204088"/>
                  </a:lnTo>
                  <a:lnTo>
                    <a:pt x="126206" y="142589"/>
                  </a:lnTo>
                  <a:lnTo>
                    <a:pt x="136765" y="85555"/>
                  </a:lnTo>
                  <a:lnTo>
                    <a:pt x="147220" y="38861"/>
                  </a:lnTo>
                  <a:lnTo>
                    <a:pt x="157527" y="8384"/>
                  </a:lnTo>
                  <a:lnTo>
                    <a:pt x="167639" y="0"/>
                  </a:lnTo>
                  <a:lnTo>
                    <a:pt x="176337" y="15429"/>
                  </a:lnTo>
                  <a:lnTo>
                    <a:pt x="184662" y="50273"/>
                  </a:lnTo>
                  <a:lnTo>
                    <a:pt x="192757" y="99685"/>
                  </a:lnTo>
                  <a:lnTo>
                    <a:pt x="200768" y="158818"/>
                  </a:lnTo>
                  <a:lnTo>
                    <a:pt x="208839" y="222825"/>
                  </a:lnTo>
                  <a:lnTo>
                    <a:pt x="217113" y="286860"/>
                  </a:lnTo>
                  <a:lnTo>
                    <a:pt x="225735" y="346074"/>
                  </a:lnTo>
                  <a:lnTo>
                    <a:pt x="234850" y="395622"/>
                  </a:lnTo>
                  <a:lnTo>
                    <a:pt x="270438" y="471346"/>
                  </a:lnTo>
                  <a:lnTo>
                    <a:pt x="299561" y="483663"/>
                  </a:lnTo>
                  <a:lnTo>
                    <a:pt x="327398" y="479573"/>
                  </a:lnTo>
                  <a:lnTo>
                    <a:pt x="349376" y="471042"/>
                  </a:lnTo>
                  <a:lnTo>
                    <a:pt x="361031" y="463551"/>
                  </a:lnTo>
                  <a:lnTo>
                    <a:pt x="365934" y="449976"/>
                  </a:lnTo>
                  <a:lnTo>
                    <a:pt x="371290" y="423376"/>
                  </a:lnTo>
                  <a:lnTo>
                    <a:pt x="384301" y="376808"/>
                  </a:lnTo>
                  <a:lnTo>
                    <a:pt x="395431" y="337760"/>
                  </a:lnTo>
                  <a:lnTo>
                    <a:pt x="409088" y="283714"/>
                  </a:lnTo>
                  <a:lnTo>
                    <a:pt x="424541" y="221017"/>
                  </a:lnTo>
                  <a:lnTo>
                    <a:pt x="441055" y="156019"/>
                  </a:lnTo>
                  <a:lnTo>
                    <a:pt x="457896" y="95069"/>
                  </a:lnTo>
                  <a:lnTo>
                    <a:pt x="474331" y="44517"/>
                  </a:lnTo>
                  <a:lnTo>
                    <a:pt x="489625" y="10711"/>
                  </a:lnTo>
                  <a:lnTo>
                    <a:pt x="503046" y="0"/>
                  </a:lnTo>
                  <a:lnTo>
                    <a:pt x="513437" y="14027"/>
                  </a:lnTo>
                  <a:lnTo>
                    <a:pt x="531800" y="95964"/>
                  </a:lnTo>
                  <a:lnTo>
                    <a:pt x="540115" y="154182"/>
                  </a:lnTo>
                  <a:lnTo>
                    <a:pt x="548081" y="217438"/>
                  </a:lnTo>
                  <a:lnTo>
                    <a:pt x="555869" y="280886"/>
                  </a:lnTo>
                  <a:lnTo>
                    <a:pt x="563651" y="339680"/>
                  </a:lnTo>
                  <a:lnTo>
                    <a:pt x="571598" y="388976"/>
                  </a:lnTo>
                  <a:lnTo>
                    <a:pt x="579881" y="423925"/>
                  </a:lnTo>
                  <a:lnTo>
                    <a:pt x="598801" y="464560"/>
                  </a:lnTo>
                  <a:lnTo>
                    <a:pt x="617505" y="477345"/>
                  </a:lnTo>
                  <a:lnTo>
                    <a:pt x="636639" y="475200"/>
                  </a:lnTo>
                  <a:lnTo>
                    <a:pt x="656843" y="471042"/>
                  </a:lnTo>
                  <a:lnTo>
                    <a:pt x="678890" y="467987"/>
                  </a:lnTo>
                  <a:lnTo>
                    <a:pt x="725602" y="442968"/>
                  </a:lnTo>
                  <a:lnTo>
                    <a:pt x="767994" y="379982"/>
                  </a:lnTo>
                  <a:lnTo>
                    <a:pt x="787352" y="332851"/>
                  </a:lnTo>
                  <a:lnTo>
                    <a:pt x="806067" y="279124"/>
                  </a:lnTo>
                  <a:lnTo>
                    <a:pt x="824483" y="222122"/>
                  </a:lnTo>
                </a:path>
              </a:pathLst>
            </a:custGeom>
            <a:ln w="12192">
              <a:solidFill>
                <a:srgbClr val="6F2F9F"/>
              </a:solidFill>
            </a:ln>
          </p:spPr>
          <p:txBody>
            <a:bodyPr wrap="square" lIns="0" tIns="0" rIns="0" bIns="0" rtlCol="0"/>
            <a:lstStyle/>
            <a:p>
              <a:endParaRPr/>
            </a:p>
          </p:txBody>
        </p:sp>
        <p:sp>
          <p:nvSpPr>
            <p:cNvPr id="55" name="object 55"/>
            <p:cNvSpPr/>
            <p:nvPr/>
          </p:nvSpPr>
          <p:spPr>
            <a:xfrm>
              <a:off x="3735323" y="3867530"/>
              <a:ext cx="1333500" cy="1428750"/>
            </a:xfrm>
            <a:custGeom>
              <a:avLst/>
              <a:gdLst/>
              <a:ahLst/>
              <a:cxnLst/>
              <a:rect l="l" t="t" r="r" b="b"/>
              <a:pathLst>
                <a:path w="1333500" h="1428750">
                  <a:moveTo>
                    <a:pt x="0" y="513969"/>
                  </a:moveTo>
                  <a:lnTo>
                    <a:pt x="6535" y="465365"/>
                  </a:lnTo>
                  <a:lnTo>
                    <a:pt x="24976" y="421682"/>
                  </a:lnTo>
                  <a:lnTo>
                    <a:pt x="53578" y="384667"/>
                  </a:lnTo>
                  <a:lnTo>
                    <a:pt x="90593" y="356065"/>
                  </a:lnTo>
                  <a:lnTo>
                    <a:pt x="134276" y="337624"/>
                  </a:lnTo>
                  <a:lnTo>
                    <a:pt x="182879" y="331089"/>
                  </a:lnTo>
                  <a:lnTo>
                    <a:pt x="222250" y="331089"/>
                  </a:lnTo>
                  <a:lnTo>
                    <a:pt x="533653" y="0"/>
                  </a:lnTo>
                  <a:lnTo>
                    <a:pt x="555625" y="331089"/>
                  </a:lnTo>
                  <a:lnTo>
                    <a:pt x="1150620" y="331089"/>
                  </a:lnTo>
                  <a:lnTo>
                    <a:pt x="1199223" y="337624"/>
                  </a:lnTo>
                  <a:lnTo>
                    <a:pt x="1242906" y="356065"/>
                  </a:lnTo>
                  <a:lnTo>
                    <a:pt x="1279921" y="384667"/>
                  </a:lnTo>
                  <a:lnTo>
                    <a:pt x="1308523" y="421682"/>
                  </a:lnTo>
                  <a:lnTo>
                    <a:pt x="1326964" y="465365"/>
                  </a:lnTo>
                  <a:lnTo>
                    <a:pt x="1333500" y="513969"/>
                  </a:lnTo>
                  <a:lnTo>
                    <a:pt x="1333500" y="788289"/>
                  </a:lnTo>
                  <a:lnTo>
                    <a:pt x="1333500" y="1245489"/>
                  </a:lnTo>
                  <a:lnTo>
                    <a:pt x="1326964" y="1294092"/>
                  </a:lnTo>
                  <a:lnTo>
                    <a:pt x="1308523" y="1337775"/>
                  </a:lnTo>
                  <a:lnTo>
                    <a:pt x="1279921" y="1374790"/>
                  </a:lnTo>
                  <a:lnTo>
                    <a:pt x="1242906" y="1403392"/>
                  </a:lnTo>
                  <a:lnTo>
                    <a:pt x="1199223" y="1421833"/>
                  </a:lnTo>
                  <a:lnTo>
                    <a:pt x="1150620" y="1428369"/>
                  </a:lnTo>
                  <a:lnTo>
                    <a:pt x="555625" y="1428369"/>
                  </a:lnTo>
                  <a:lnTo>
                    <a:pt x="222250" y="1428369"/>
                  </a:lnTo>
                  <a:lnTo>
                    <a:pt x="182879" y="1428369"/>
                  </a:lnTo>
                  <a:lnTo>
                    <a:pt x="134276" y="1421833"/>
                  </a:lnTo>
                  <a:lnTo>
                    <a:pt x="90593" y="1403392"/>
                  </a:lnTo>
                  <a:lnTo>
                    <a:pt x="53578" y="1374790"/>
                  </a:lnTo>
                  <a:lnTo>
                    <a:pt x="24976" y="1337775"/>
                  </a:lnTo>
                  <a:lnTo>
                    <a:pt x="6535" y="1294092"/>
                  </a:lnTo>
                  <a:lnTo>
                    <a:pt x="0" y="1245489"/>
                  </a:lnTo>
                  <a:lnTo>
                    <a:pt x="0" y="788289"/>
                  </a:lnTo>
                  <a:lnTo>
                    <a:pt x="0" y="513969"/>
                  </a:lnTo>
                  <a:close/>
                </a:path>
              </a:pathLst>
            </a:custGeom>
            <a:ln w="12192">
              <a:solidFill>
                <a:srgbClr val="000000"/>
              </a:solidFill>
              <a:prstDash val="lgDashDot"/>
            </a:ln>
          </p:spPr>
          <p:txBody>
            <a:bodyPr wrap="square" lIns="0" tIns="0" rIns="0" bIns="0" rtlCol="0"/>
            <a:lstStyle/>
            <a:p>
              <a:endParaRPr/>
            </a:p>
          </p:txBody>
        </p:sp>
        <p:sp>
          <p:nvSpPr>
            <p:cNvPr id="56" name="object 56"/>
            <p:cNvSpPr/>
            <p:nvPr/>
          </p:nvSpPr>
          <p:spPr>
            <a:xfrm>
              <a:off x="5259323" y="4902834"/>
              <a:ext cx="1099185" cy="652145"/>
            </a:xfrm>
            <a:custGeom>
              <a:avLst/>
              <a:gdLst/>
              <a:ahLst/>
              <a:cxnLst/>
              <a:rect l="l" t="t" r="r" b="b"/>
              <a:pathLst>
                <a:path w="1099185" h="652145">
                  <a:moveTo>
                    <a:pt x="0" y="610107"/>
                  </a:moveTo>
                  <a:lnTo>
                    <a:pt x="36079" y="627957"/>
                  </a:lnTo>
                  <a:lnTo>
                    <a:pt x="72136" y="634031"/>
                  </a:lnTo>
                  <a:lnTo>
                    <a:pt x="108192" y="616555"/>
                  </a:lnTo>
                  <a:lnTo>
                    <a:pt x="144272" y="563752"/>
                  </a:lnTo>
                  <a:lnTo>
                    <a:pt x="168849" y="488559"/>
                  </a:lnTo>
                  <a:lnTo>
                    <a:pt x="181405" y="435919"/>
                  </a:lnTo>
                  <a:lnTo>
                    <a:pt x="194037" y="376987"/>
                  </a:lnTo>
                  <a:lnTo>
                    <a:pt x="206666" y="314566"/>
                  </a:lnTo>
                  <a:lnTo>
                    <a:pt x="219217" y="251459"/>
                  </a:lnTo>
                  <a:lnTo>
                    <a:pt x="231612" y="190469"/>
                  </a:lnTo>
                  <a:lnTo>
                    <a:pt x="243774" y="134398"/>
                  </a:lnTo>
                  <a:lnTo>
                    <a:pt x="255625" y="86050"/>
                  </a:lnTo>
                  <a:lnTo>
                    <a:pt x="267088" y="48227"/>
                  </a:lnTo>
                  <a:lnTo>
                    <a:pt x="288543" y="15366"/>
                  </a:lnTo>
                  <a:lnTo>
                    <a:pt x="298366" y="25101"/>
                  </a:lnTo>
                  <a:lnTo>
                    <a:pt x="316144" y="90596"/>
                  </a:lnTo>
                  <a:lnTo>
                    <a:pt x="324334" y="140645"/>
                  </a:lnTo>
                  <a:lnTo>
                    <a:pt x="332213" y="198420"/>
                  </a:lnTo>
                  <a:lnTo>
                    <a:pt x="339899" y="261064"/>
                  </a:lnTo>
                  <a:lnTo>
                    <a:pt x="347508" y="325722"/>
                  </a:lnTo>
                  <a:lnTo>
                    <a:pt x="355157" y="389537"/>
                  </a:lnTo>
                  <a:lnTo>
                    <a:pt x="362964" y="449653"/>
                  </a:lnTo>
                  <a:lnTo>
                    <a:pt x="371044" y="503214"/>
                  </a:lnTo>
                  <a:lnTo>
                    <a:pt x="379514" y="547364"/>
                  </a:lnTo>
                  <a:lnTo>
                    <a:pt x="418992" y="626592"/>
                  </a:lnTo>
                  <a:lnTo>
                    <a:pt x="452278" y="633777"/>
                  </a:lnTo>
                  <a:lnTo>
                    <a:pt x="484183" y="621412"/>
                  </a:lnTo>
                  <a:lnTo>
                    <a:pt x="510539" y="610107"/>
                  </a:lnTo>
                  <a:lnTo>
                    <a:pt x="525712" y="612608"/>
                  </a:lnTo>
                  <a:lnTo>
                    <a:pt x="566038" y="548385"/>
                  </a:lnTo>
                  <a:lnTo>
                    <a:pt x="592654" y="471993"/>
                  </a:lnTo>
                  <a:lnTo>
                    <a:pt x="609218" y="418873"/>
                  </a:lnTo>
                  <a:lnTo>
                    <a:pt x="627285" y="359560"/>
                  </a:lnTo>
                  <a:lnTo>
                    <a:pt x="646354" y="296869"/>
                  </a:lnTo>
                  <a:lnTo>
                    <a:pt x="665924" y="233616"/>
                  </a:lnTo>
                  <a:lnTo>
                    <a:pt x="685494" y="172617"/>
                  </a:lnTo>
                  <a:lnTo>
                    <a:pt x="704563" y="116689"/>
                  </a:lnTo>
                  <a:lnTo>
                    <a:pt x="722630" y="68647"/>
                  </a:lnTo>
                  <a:lnTo>
                    <a:pt x="739194" y="31307"/>
                  </a:lnTo>
                  <a:lnTo>
                    <a:pt x="765810" y="0"/>
                  </a:lnTo>
                  <a:lnTo>
                    <a:pt x="775203" y="10965"/>
                  </a:lnTo>
                  <a:lnTo>
                    <a:pt x="787751" y="80269"/>
                  </a:lnTo>
                  <a:lnTo>
                    <a:pt x="791713" y="132682"/>
                  </a:lnTo>
                  <a:lnTo>
                    <a:pt x="794673" y="192982"/>
                  </a:lnTo>
                  <a:lnTo>
                    <a:pt x="797036" y="258206"/>
                  </a:lnTo>
                  <a:lnTo>
                    <a:pt x="799205" y="325392"/>
                  </a:lnTo>
                  <a:lnTo>
                    <a:pt x="801586" y="391573"/>
                  </a:lnTo>
                  <a:lnTo>
                    <a:pt x="804582" y="453788"/>
                  </a:lnTo>
                  <a:lnTo>
                    <a:pt x="808599" y="509073"/>
                  </a:lnTo>
                  <a:lnTo>
                    <a:pt x="814039" y="554462"/>
                  </a:lnTo>
                  <a:lnTo>
                    <a:pt x="844652" y="632571"/>
                  </a:lnTo>
                  <a:lnTo>
                    <a:pt x="873153" y="652075"/>
                  </a:lnTo>
                  <a:lnTo>
                    <a:pt x="904409" y="650327"/>
                  </a:lnTo>
                  <a:lnTo>
                    <a:pt x="965580" y="602360"/>
                  </a:lnTo>
                  <a:lnTo>
                    <a:pt x="999791" y="543964"/>
                  </a:lnTo>
                  <a:lnTo>
                    <a:pt x="1016596" y="504455"/>
                  </a:lnTo>
                  <a:lnTo>
                    <a:pt x="1033240" y="459517"/>
                  </a:lnTo>
                  <a:lnTo>
                    <a:pt x="1049753" y="410233"/>
                  </a:lnTo>
                  <a:lnTo>
                    <a:pt x="1066164" y="357687"/>
                  </a:lnTo>
                  <a:lnTo>
                    <a:pt x="1082505" y="302962"/>
                  </a:lnTo>
                  <a:lnTo>
                    <a:pt x="1098803" y="247141"/>
                  </a:lnTo>
                </a:path>
              </a:pathLst>
            </a:custGeom>
            <a:ln w="12192">
              <a:solidFill>
                <a:srgbClr val="00AF50"/>
              </a:solidFill>
            </a:ln>
          </p:spPr>
          <p:txBody>
            <a:bodyPr wrap="square" lIns="0" tIns="0" rIns="0" bIns="0" rtlCol="0"/>
            <a:lstStyle/>
            <a:p>
              <a:endParaRPr/>
            </a:p>
          </p:txBody>
        </p:sp>
        <p:sp>
          <p:nvSpPr>
            <p:cNvPr id="57" name="object 57"/>
            <p:cNvSpPr/>
            <p:nvPr/>
          </p:nvSpPr>
          <p:spPr>
            <a:xfrm>
              <a:off x="5268467" y="4902708"/>
              <a:ext cx="1164590" cy="643890"/>
            </a:xfrm>
            <a:custGeom>
              <a:avLst/>
              <a:gdLst/>
              <a:ahLst/>
              <a:cxnLst/>
              <a:rect l="l" t="t" r="r" b="b"/>
              <a:pathLst>
                <a:path w="1164589" h="643889">
                  <a:moveTo>
                    <a:pt x="0" y="593217"/>
                  </a:moveTo>
                  <a:lnTo>
                    <a:pt x="39133" y="608740"/>
                  </a:lnTo>
                  <a:lnTo>
                    <a:pt x="76946" y="612822"/>
                  </a:lnTo>
                  <a:lnTo>
                    <a:pt x="112067" y="594020"/>
                  </a:lnTo>
                  <a:lnTo>
                    <a:pt x="143129" y="540893"/>
                  </a:lnTo>
                  <a:lnTo>
                    <a:pt x="160222" y="466378"/>
                  </a:lnTo>
                  <a:lnTo>
                    <a:pt x="167528" y="414444"/>
                  </a:lnTo>
                  <a:lnTo>
                    <a:pt x="174253" y="356380"/>
                  </a:lnTo>
                  <a:lnTo>
                    <a:pt x="180579" y="294926"/>
                  </a:lnTo>
                  <a:lnTo>
                    <a:pt x="186690" y="232822"/>
                  </a:lnTo>
                  <a:lnTo>
                    <a:pt x="192768" y="172808"/>
                  </a:lnTo>
                  <a:lnTo>
                    <a:pt x="198999" y="117625"/>
                  </a:lnTo>
                  <a:lnTo>
                    <a:pt x="205565" y="70012"/>
                  </a:lnTo>
                  <a:lnTo>
                    <a:pt x="220436" y="8459"/>
                  </a:lnTo>
                  <a:lnTo>
                    <a:pt x="229108" y="0"/>
                  </a:lnTo>
                  <a:lnTo>
                    <a:pt x="238355" y="9219"/>
                  </a:lnTo>
                  <a:lnTo>
                    <a:pt x="257573" y="72560"/>
                  </a:lnTo>
                  <a:lnTo>
                    <a:pt x="267612" y="121139"/>
                  </a:lnTo>
                  <a:lnTo>
                    <a:pt x="277982" y="177293"/>
                  </a:lnTo>
                  <a:lnTo>
                    <a:pt x="288718" y="238252"/>
                  </a:lnTo>
                  <a:lnTo>
                    <a:pt x="299853" y="301242"/>
                  </a:lnTo>
                  <a:lnTo>
                    <a:pt x="311422" y="363492"/>
                  </a:lnTo>
                  <a:lnTo>
                    <a:pt x="323459" y="422231"/>
                  </a:lnTo>
                  <a:lnTo>
                    <a:pt x="335996" y="474686"/>
                  </a:lnTo>
                  <a:lnTo>
                    <a:pt x="349069" y="518084"/>
                  </a:lnTo>
                  <a:lnTo>
                    <a:pt x="392338" y="593346"/>
                  </a:lnTo>
                  <a:lnTo>
                    <a:pt x="424885" y="624562"/>
                  </a:lnTo>
                  <a:lnTo>
                    <a:pt x="459295" y="641731"/>
                  </a:lnTo>
                  <a:lnTo>
                    <a:pt x="494509" y="643278"/>
                  </a:lnTo>
                  <a:lnTo>
                    <a:pt x="529470" y="627631"/>
                  </a:lnTo>
                  <a:lnTo>
                    <a:pt x="563118" y="593217"/>
                  </a:lnTo>
                  <a:lnTo>
                    <a:pt x="594224" y="527673"/>
                  </a:lnTo>
                  <a:lnTo>
                    <a:pt x="610320" y="479966"/>
                  </a:lnTo>
                  <a:lnTo>
                    <a:pt x="626570" y="425448"/>
                  </a:lnTo>
                  <a:lnTo>
                    <a:pt x="642818" y="366476"/>
                  </a:lnTo>
                  <a:lnTo>
                    <a:pt x="658908" y="305409"/>
                  </a:lnTo>
                  <a:lnTo>
                    <a:pt x="674684" y="244606"/>
                  </a:lnTo>
                  <a:lnTo>
                    <a:pt x="689989" y="186425"/>
                  </a:lnTo>
                  <a:lnTo>
                    <a:pt x="704668" y="133225"/>
                  </a:lnTo>
                  <a:lnTo>
                    <a:pt x="718564" y="87363"/>
                  </a:lnTo>
                  <a:lnTo>
                    <a:pt x="731522" y="51200"/>
                  </a:lnTo>
                  <a:lnTo>
                    <a:pt x="753999" y="17399"/>
                  </a:lnTo>
                  <a:lnTo>
                    <a:pt x="763753" y="24461"/>
                  </a:lnTo>
                  <a:lnTo>
                    <a:pt x="778295" y="83597"/>
                  </a:lnTo>
                  <a:lnTo>
                    <a:pt x="783679" y="130189"/>
                  </a:lnTo>
                  <a:lnTo>
                    <a:pt x="788202" y="184474"/>
                  </a:lnTo>
                  <a:lnTo>
                    <a:pt x="792162" y="243713"/>
                  </a:lnTo>
                  <a:lnTo>
                    <a:pt x="795858" y="305163"/>
                  </a:lnTo>
                  <a:lnTo>
                    <a:pt x="799587" y="366084"/>
                  </a:lnTo>
                  <a:lnTo>
                    <a:pt x="803648" y="423735"/>
                  </a:lnTo>
                  <a:lnTo>
                    <a:pt x="808338" y="475375"/>
                  </a:lnTo>
                  <a:lnTo>
                    <a:pt x="813956" y="518262"/>
                  </a:lnTo>
                  <a:lnTo>
                    <a:pt x="846734" y="600864"/>
                  </a:lnTo>
                  <a:lnTo>
                    <a:pt x="876823" y="617188"/>
                  </a:lnTo>
                  <a:lnTo>
                    <a:pt x="907508" y="614985"/>
                  </a:lnTo>
                  <a:lnTo>
                    <a:pt x="935228" y="610616"/>
                  </a:lnTo>
                  <a:lnTo>
                    <a:pt x="957377" y="609252"/>
                  </a:lnTo>
                  <a:lnTo>
                    <a:pt x="996342" y="583666"/>
                  </a:lnTo>
                  <a:lnTo>
                    <a:pt x="1021207" y="549656"/>
                  </a:lnTo>
                  <a:lnTo>
                    <a:pt x="1041395" y="516105"/>
                  </a:lnTo>
                  <a:lnTo>
                    <a:pt x="1063592" y="474674"/>
                  </a:lnTo>
                  <a:lnTo>
                    <a:pt x="1087389" y="426942"/>
                  </a:lnTo>
                  <a:lnTo>
                    <a:pt x="1112383" y="374490"/>
                  </a:lnTo>
                  <a:lnTo>
                    <a:pt x="1138167" y="318898"/>
                  </a:lnTo>
                  <a:lnTo>
                    <a:pt x="1164336" y="261747"/>
                  </a:lnTo>
                </a:path>
              </a:pathLst>
            </a:custGeom>
            <a:ln w="12192">
              <a:solidFill>
                <a:srgbClr val="FFC000"/>
              </a:solidFill>
            </a:ln>
          </p:spPr>
          <p:txBody>
            <a:bodyPr wrap="square" lIns="0" tIns="0" rIns="0" bIns="0" rtlCol="0"/>
            <a:lstStyle/>
            <a:p>
              <a:endParaRPr/>
            </a:p>
          </p:txBody>
        </p:sp>
        <p:sp>
          <p:nvSpPr>
            <p:cNvPr id="58" name="object 58"/>
            <p:cNvSpPr/>
            <p:nvPr/>
          </p:nvSpPr>
          <p:spPr>
            <a:xfrm>
              <a:off x="5280660" y="4935220"/>
              <a:ext cx="1167765" cy="619760"/>
            </a:xfrm>
            <a:custGeom>
              <a:avLst/>
              <a:gdLst/>
              <a:ahLst/>
              <a:cxnLst/>
              <a:rect l="l" t="t" r="r" b="b"/>
              <a:pathLst>
                <a:path w="1167764" h="619760">
                  <a:moveTo>
                    <a:pt x="0" y="619759"/>
                  </a:moveTo>
                  <a:lnTo>
                    <a:pt x="29698" y="591472"/>
                  </a:lnTo>
                  <a:lnTo>
                    <a:pt x="59372" y="556910"/>
                  </a:lnTo>
                  <a:lnTo>
                    <a:pt x="89046" y="509799"/>
                  </a:lnTo>
                  <a:lnTo>
                    <a:pt x="118744" y="443864"/>
                  </a:lnTo>
                  <a:lnTo>
                    <a:pt x="130642" y="405931"/>
                  </a:lnTo>
                  <a:lnTo>
                    <a:pt x="142615" y="356579"/>
                  </a:lnTo>
                  <a:lnTo>
                    <a:pt x="154635" y="299552"/>
                  </a:lnTo>
                  <a:lnTo>
                    <a:pt x="166669" y="238594"/>
                  </a:lnTo>
                  <a:lnTo>
                    <a:pt x="178688" y="177450"/>
                  </a:lnTo>
                  <a:lnTo>
                    <a:pt x="190662" y="119865"/>
                  </a:lnTo>
                  <a:lnTo>
                    <a:pt x="202559" y="69583"/>
                  </a:lnTo>
                  <a:lnTo>
                    <a:pt x="214350" y="30348"/>
                  </a:lnTo>
                  <a:lnTo>
                    <a:pt x="226004" y="5906"/>
                  </a:lnTo>
                  <a:lnTo>
                    <a:pt x="237489" y="0"/>
                  </a:lnTo>
                  <a:lnTo>
                    <a:pt x="247587" y="13744"/>
                  </a:lnTo>
                  <a:lnTo>
                    <a:pt x="266770" y="88649"/>
                  </a:lnTo>
                  <a:lnTo>
                    <a:pt x="276075" y="143204"/>
                  </a:lnTo>
                  <a:lnTo>
                    <a:pt x="285338" y="204756"/>
                  </a:lnTo>
                  <a:lnTo>
                    <a:pt x="294669" y="270003"/>
                  </a:lnTo>
                  <a:lnTo>
                    <a:pt x="304177" y="335643"/>
                  </a:lnTo>
                  <a:lnTo>
                    <a:pt x="313974" y="398371"/>
                  </a:lnTo>
                  <a:lnTo>
                    <a:pt x="324170" y="454887"/>
                  </a:lnTo>
                  <a:lnTo>
                    <a:pt x="334876" y="501886"/>
                  </a:lnTo>
                  <a:lnTo>
                    <a:pt x="382865" y="586678"/>
                  </a:lnTo>
                  <a:lnTo>
                    <a:pt x="424148" y="601964"/>
                  </a:lnTo>
                  <a:lnTo>
                    <a:pt x="463573" y="596842"/>
                  </a:lnTo>
                  <a:lnTo>
                    <a:pt x="494664" y="586231"/>
                  </a:lnTo>
                  <a:lnTo>
                    <a:pt x="511224" y="576935"/>
                  </a:lnTo>
                  <a:lnTo>
                    <a:pt x="518175" y="560054"/>
                  </a:lnTo>
                  <a:lnTo>
                    <a:pt x="525722" y="526956"/>
                  </a:lnTo>
                  <a:lnTo>
                    <a:pt x="544067" y="469010"/>
                  </a:lnTo>
                  <a:lnTo>
                    <a:pt x="555132" y="435854"/>
                  </a:lnTo>
                  <a:lnTo>
                    <a:pt x="568245" y="391681"/>
                  </a:lnTo>
                  <a:lnTo>
                    <a:pt x="583006" y="339532"/>
                  </a:lnTo>
                  <a:lnTo>
                    <a:pt x="599015" y="282447"/>
                  </a:lnTo>
                  <a:lnTo>
                    <a:pt x="615870" y="223466"/>
                  </a:lnTo>
                  <a:lnTo>
                    <a:pt x="633172" y="165629"/>
                  </a:lnTo>
                  <a:lnTo>
                    <a:pt x="650518" y="111975"/>
                  </a:lnTo>
                  <a:lnTo>
                    <a:pt x="667510" y="65546"/>
                  </a:lnTo>
                  <a:lnTo>
                    <a:pt x="683745" y="29380"/>
                  </a:lnTo>
                  <a:lnTo>
                    <a:pt x="712342" y="0"/>
                  </a:lnTo>
                  <a:lnTo>
                    <a:pt x="724450" y="12290"/>
                  </a:lnTo>
                  <a:lnTo>
                    <a:pt x="746269" y="84701"/>
                  </a:lnTo>
                  <a:lnTo>
                    <a:pt x="756248" y="138216"/>
                  </a:lnTo>
                  <a:lnTo>
                    <a:pt x="765785" y="198868"/>
                  </a:lnTo>
                  <a:lnTo>
                    <a:pt x="775013" y="263353"/>
                  </a:lnTo>
                  <a:lnTo>
                    <a:pt x="784064" y="328369"/>
                  </a:lnTo>
                  <a:lnTo>
                    <a:pt x="793074" y="390613"/>
                  </a:lnTo>
                  <a:lnTo>
                    <a:pt x="802174" y="446782"/>
                  </a:lnTo>
                  <a:lnTo>
                    <a:pt x="811499" y="493573"/>
                  </a:lnTo>
                  <a:lnTo>
                    <a:pt x="847883" y="578230"/>
                  </a:lnTo>
                  <a:lnTo>
                    <a:pt x="874299" y="594105"/>
                  </a:lnTo>
                  <a:lnTo>
                    <a:pt x="901334" y="591407"/>
                  </a:lnTo>
                  <a:lnTo>
                    <a:pt x="929893" y="586231"/>
                  </a:lnTo>
                  <a:lnTo>
                    <a:pt x="961157" y="582435"/>
                  </a:lnTo>
                  <a:lnTo>
                    <a:pt x="1027352" y="551316"/>
                  </a:lnTo>
                  <a:lnTo>
                    <a:pt x="1058544" y="519302"/>
                  </a:lnTo>
                  <a:lnTo>
                    <a:pt x="1081751" y="483368"/>
                  </a:lnTo>
                  <a:lnTo>
                    <a:pt x="1103988" y="438996"/>
                  </a:lnTo>
                  <a:lnTo>
                    <a:pt x="1125506" y="388296"/>
                  </a:lnTo>
                  <a:lnTo>
                    <a:pt x="1146554" y="333379"/>
                  </a:lnTo>
                  <a:lnTo>
                    <a:pt x="1167384" y="276351"/>
                  </a:lnTo>
                </a:path>
              </a:pathLst>
            </a:custGeom>
            <a:ln w="12192">
              <a:solidFill>
                <a:srgbClr val="6F2F9F"/>
              </a:solidFill>
            </a:ln>
          </p:spPr>
          <p:txBody>
            <a:bodyPr wrap="square" lIns="0" tIns="0" rIns="0" bIns="0" rtlCol="0"/>
            <a:lstStyle/>
            <a:p>
              <a:endParaRPr/>
            </a:p>
          </p:txBody>
        </p:sp>
        <p:sp>
          <p:nvSpPr>
            <p:cNvPr id="59" name="object 59"/>
            <p:cNvSpPr/>
            <p:nvPr/>
          </p:nvSpPr>
          <p:spPr>
            <a:xfrm>
              <a:off x="227063" y="4698491"/>
              <a:ext cx="6562090" cy="1109345"/>
            </a:xfrm>
            <a:custGeom>
              <a:avLst/>
              <a:gdLst/>
              <a:ahLst/>
              <a:cxnLst/>
              <a:rect l="l" t="t" r="r" b="b"/>
              <a:pathLst>
                <a:path w="6562090" h="1109345">
                  <a:moveTo>
                    <a:pt x="2997606" y="478955"/>
                  </a:moveTo>
                  <a:lnTo>
                    <a:pt x="2997568" y="466255"/>
                  </a:lnTo>
                  <a:lnTo>
                    <a:pt x="0" y="473329"/>
                  </a:lnTo>
                  <a:lnTo>
                    <a:pt x="25" y="486029"/>
                  </a:lnTo>
                  <a:lnTo>
                    <a:pt x="2997606" y="478955"/>
                  </a:lnTo>
                  <a:close/>
                </a:path>
                <a:path w="6562090" h="1109345">
                  <a:moveTo>
                    <a:pt x="3073793" y="472440"/>
                  </a:moveTo>
                  <a:lnTo>
                    <a:pt x="3061335" y="466255"/>
                  </a:lnTo>
                  <a:lnTo>
                    <a:pt x="2997466" y="434467"/>
                  </a:lnTo>
                  <a:lnTo>
                    <a:pt x="2997568" y="466255"/>
                  </a:lnTo>
                  <a:lnTo>
                    <a:pt x="2997593" y="473329"/>
                  </a:lnTo>
                  <a:lnTo>
                    <a:pt x="2997606" y="478955"/>
                  </a:lnTo>
                  <a:lnTo>
                    <a:pt x="2997720" y="510667"/>
                  </a:lnTo>
                  <a:lnTo>
                    <a:pt x="3060839" y="478955"/>
                  </a:lnTo>
                  <a:lnTo>
                    <a:pt x="3073793" y="472440"/>
                  </a:lnTo>
                  <a:close/>
                </a:path>
                <a:path w="6562090" h="1109345">
                  <a:moveTo>
                    <a:pt x="6561468" y="691896"/>
                  </a:moveTo>
                  <a:lnTo>
                    <a:pt x="6548768" y="685546"/>
                  </a:lnTo>
                  <a:lnTo>
                    <a:pt x="6485268" y="653796"/>
                  </a:lnTo>
                  <a:lnTo>
                    <a:pt x="6485268" y="685546"/>
                  </a:lnTo>
                  <a:lnTo>
                    <a:pt x="5050409" y="685546"/>
                  </a:lnTo>
                  <a:lnTo>
                    <a:pt x="5048047" y="76327"/>
                  </a:lnTo>
                  <a:lnTo>
                    <a:pt x="5079885" y="76327"/>
                  </a:lnTo>
                  <a:lnTo>
                    <a:pt x="5073408" y="63500"/>
                  </a:lnTo>
                  <a:lnTo>
                    <a:pt x="5041404" y="0"/>
                  </a:lnTo>
                  <a:lnTo>
                    <a:pt x="5003558" y="76327"/>
                  </a:lnTo>
                  <a:lnTo>
                    <a:pt x="5035347" y="76327"/>
                  </a:lnTo>
                  <a:lnTo>
                    <a:pt x="5037721" y="685546"/>
                  </a:lnTo>
                  <a:lnTo>
                    <a:pt x="5018544" y="685546"/>
                  </a:lnTo>
                  <a:lnTo>
                    <a:pt x="5018544" y="698246"/>
                  </a:lnTo>
                  <a:lnTo>
                    <a:pt x="5037772" y="698246"/>
                  </a:lnTo>
                  <a:lnTo>
                    <a:pt x="5039372" y="1109205"/>
                  </a:lnTo>
                  <a:lnTo>
                    <a:pt x="5052072" y="1109205"/>
                  </a:lnTo>
                  <a:lnTo>
                    <a:pt x="5050460" y="698246"/>
                  </a:lnTo>
                  <a:lnTo>
                    <a:pt x="6485268" y="698246"/>
                  </a:lnTo>
                  <a:lnTo>
                    <a:pt x="6485268" y="729996"/>
                  </a:lnTo>
                  <a:lnTo>
                    <a:pt x="6548768" y="698246"/>
                  </a:lnTo>
                  <a:lnTo>
                    <a:pt x="6561468" y="691896"/>
                  </a:lnTo>
                  <a:close/>
                </a:path>
              </a:pathLst>
            </a:custGeom>
            <a:solidFill>
              <a:srgbClr val="000000"/>
            </a:solidFill>
          </p:spPr>
          <p:txBody>
            <a:bodyPr wrap="square" lIns="0" tIns="0" rIns="0" bIns="0" rtlCol="0"/>
            <a:lstStyle/>
            <a:p>
              <a:endParaRPr/>
            </a:p>
          </p:txBody>
        </p:sp>
        <p:pic>
          <p:nvPicPr>
            <p:cNvPr id="60" name="object 60"/>
            <p:cNvPicPr/>
            <p:nvPr/>
          </p:nvPicPr>
          <p:blipFill>
            <a:blip r:embed="rId6" cstate="print"/>
            <a:stretch>
              <a:fillRect/>
            </a:stretch>
          </p:blipFill>
          <p:spPr>
            <a:xfrm>
              <a:off x="36576" y="4014216"/>
              <a:ext cx="3366516" cy="1706885"/>
            </a:xfrm>
            <a:prstGeom prst="rect">
              <a:avLst/>
            </a:prstGeom>
          </p:spPr>
        </p:pic>
      </p:grpSp>
      <p:sp>
        <p:nvSpPr>
          <p:cNvPr id="61" name="object 61"/>
          <p:cNvSpPr txBox="1"/>
          <p:nvPr/>
        </p:nvSpPr>
        <p:spPr>
          <a:xfrm>
            <a:off x="1881810" y="4187390"/>
            <a:ext cx="2881630" cy="290464"/>
          </a:xfrm>
          <a:prstGeom prst="rect">
            <a:avLst/>
          </a:prstGeom>
        </p:spPr>
        <p:txBody>
          <a:bodyPr vert="horz" wrap="square" lIns="0" tIns="13335" rIns="0" bIns="0" rtlCol="0">
            <a:spAutoFit/>
          </a:bodyPr>
          <a:lstStyle/>
          <a:p>
            <a:pPr marL="12700">
              <a:spcBef>
                <a:spcPts val="2295"/>
              </a:spcBef>
              <a:tabLst>
                <a:tab pos="1724660" algn="l"/>
              </a:tabLst>
            </a:pPr>
            <a:r>
              <a:rPr sz="2700" spc="-15" baseline="1543" dirty="0" err="1">
                <a:latin typeface="メイリオ"/>
                <a:cs typeface="メイリオ"/>
              </a:rPr>
              <a:t>重み変化</a:t>
            </a:r>
            <a:r>
              <a:rPr sz="2700" spc="-75" baseline="1543" dirty="0" err="1">
                <a:latin typeface="メイリオ"/>
                <a:cs typeface="メイリオ"/>
              </a:rPr>
              <a:t>前</a:t>
            </a:r>
            <a:r>
              <a:rPr sz="2700" baseline="1543" dirty="0">
                <a:latin typeface="メイリオ"/>
                <a:cs typeface="メイリオ"/>
              </a:rPr>
              <a:t>	</a:t>
            </a:r>
            <a:r>
              <a:rPr dirty="0">
                <a:latin typeface="メイリオ"/>
                <a:cs typeface="メイリオ"/>
              </a:rPr>
              <a:t>重み変化</a:t>
            </a:r>
            <a:r>
              <a:rPr spc="-50" dirty="0">
                <a:latin typeface="メイリオ"/>
                <a:cs typeface="メイリオ"/>
              </a:rPr>
              <a:t>後</a:t>
            </a:r>
            <a:endParaRPr dirty="0">
              <a:latin typeface="メイリオ"/>
              <a:cs typeface="メイリオ"/>
            </a:endParaRPr>
          </a:p>
        </p:txBody>
      </p:sp>
      <p:sp>
        <p:nvSpPr>
          <p:cNvPr id="63" name="object 63"/>
          <p:cNvSpPr txBox="1"/>
          <p:nvPr/>
        </p:nvSpPr>
        <p:spPr>
          <a:xfrm>
            <a:off x="9008110" y="2338781"/>
            <a:ext cx="1095375" cy="459740"/>
          </a:xfrm>
          <a:prstGeom prst="rect">
            <a:avLst/>
          </a:prstGeom>
        </p:spPr>
        <p:txBody>
          <a:bodyPr vert="horz" wrap="square" lIns="0" tIns="13335" rIns="0" bIns="0" rtlCol="0">
            <a:spAutoFit/>
          </a:bodyPr>
          <a:lstStyle/>
          <a:p>
            <a:pPr marL="12700">
              <a:spcBef>
                <a:spcPts val="105"/>
              </a:spcBef>
            </a:pPr>
            <a:r>
              <a:rPr sz="1400" b="1" spc="-20" dirty="0">
                <a:latin typeface="メイリオ"/>
                <a:cs typeface="メイリオ"/>
              </a:rPr>
              <a:t>最初は目標と</a:t>
            </a:r>
            <a:endParaRPr sz="1400">
              <a:latin typeface="メイリオ"/>
              <a:cs typeface="メイリオ"/>
            </a:endParaRPr>
          </a:p>
          <a:p>
            <a:pPr marL="12700">
              <a:spcBef>
                <a:spcPts val="50"/>
              </a:spcBef>
            </a:pPr>
            <a:r>
              <a:rPr sz="1400" b="1" spc="-10" dirty="0">
                <a:latin typeface="メイリオ"/>
                <a:cs typeface="メイリオ"/>
              </a:rPr>
              <a:t>全然合わない</a:t>
            </a:r>
            <a:endParaRPr sz="1400">
              <a:latin typeface="メイリオ"/>
              <a:cs typeface="メイリオ"/>
            </a:endParaRPr>
          </a:p>
        </p:txBody>
      </p:sp>
      <p:sp>
        <p:nvSpPr>
          <p:cNvPr id="1024" name="正方形/長方形 1023">
            <a:extLst>
              <a:ext uri="{FF2B5EF4-FFF2-40B4-BE49-F238E27FC236}">
                <a16:creationId xmlns:a16="http://schemas.microsoft.com/office/drawing/2014/main" id="{A6E7DFD0-BF39-1399-788B-B4B1BA891194}"/>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リザーバー計算機の</a:t>
            </a:r>
            <a:r>
              <a:rPr lang="ja-JP" altLang="en-US" sz="2400" b="1" dirty="0">
                <a:latin typeface="BIZ UDPゴシック" panose="020B0400000000000000" pitchFamily="50" charset="-128"/>
                <a:ea typeface="BIZ UDPゴシック" panose="020B0400000000000000" pitchFamily="50" charset="-128"/>
              </a:rPr>
              <a:t>学習</a:t>
            </a:r>
            <a:endParaRPr kumimoji="1" lang="ja-JP" altLang="en-US" sz="2400" b="1" dirty="0">
              <a:latin typeface="BIZ UDPゴシック" panose="020B0400000000000000" pitchFamily="50" charset="-128"/>
              <a:ea typeface="BIZ UDPゴシック" panose="020B0400000000000000" pitchFamily="50" charset="-128"/>
            </a:endParaRPr>
          </a:p>
        </p:txBody>
      </p:sp>
      <p:sp>
        <p:nvSpPr>
          <p:cNvPr id="1027" name="テキスト ボックス 1026">
            <a:extLst>
              <a:ext uri="{FF2B5EF4-FFF2-40B4-BE49-F238E27FC236}">
                <a16:creationId xmlns:a16="http://schemas.microsoft.com/office/drawing/2014/main" id="{D43B61AA-1B17-A4C6-8904-0462FFD03676}"/>
              </a:ext>
            </a:extLst>
          </p:cNvPr>
          <p:cNvSpPr txBox="1"/>
          <p:nvPr/>
        </p:nvSpPr>
        <p:spPr>
          <a:xfrm>
            <a:off x="-1592" y="3708307"/>
            <a:ext cx="5223174" cy="307777"/>
          </a:xfrm>
          <a:prstGeom prst="rect">
            <a:avLst/>
          </a:prstGeom>
          <a:noFill/>
        </p:spPr>
        <p:txBody>
          <a:bodyPr wrap="square">
            <a:spAutoFit/>
          </a:bodyPr>
          <a:lstStyle/>
          <a:p>
            <a:pPr marL="179070" marR="377825" algn="ctr">
              <a:spcBef>
                <a:spcPts val="105"/>
              </a:spcBef>
            </a:pPr>
            <a:r>
              <a:rPr lang="ja-JP" altLang="en-US" sz="1400" spc="-10" dirty="0">
                <a:latin typeface="BIZ UDPゴシック" panose="020B0400000000000000" pitchFamily="50" charset="-128"/>
                <a:ea typeface="BIZ UDPゴシック" panose="020B0400000000000000" pitchFamily="50" charset="-128"/>
                <a:cs typeface="メイリオ"/>
              </a:rPr>
              <a:t>学習することでサイン波を</a:t>
            </a:r>
            <a:r>
              <a:rPr lang="ja-JP" altLang="en-US" sz="1400" spc="-50" dirty="0">
                <a:latin typeface="BIZ UDPゴシック" panose="020B0400000000000000" pitchFamily="50" charset="-128"/>
                <a:ea typeface="BIZ UDPゴシック" panose="020B0400000000000000" pitchFamily="50" charset="-128"/>
                <a:cs typeface="メイリオ"/>
              </a:rPr>
              <a:t> </a:t>
            </a:r>
            <a:r>
              <a:rPr lang="ja-JP" altLang="en-US" sz="1400" spc="-10" dirty="0">
                <a:latin typeface="BIZ UDPゴシック" panose="020B0400000000000000" pitchFamily="50" charset="-128"/>
                <a:ea typeface="BIZ UDPゴシック" panose="020B0400000000000000" pitchFamily="50" charset="-128"/>
                <a:cs typeface="メイリオ"/>
              </a:rPr>
              <a:t>三角波に変換できるように！</a:t>
            </a:r>
            <a:endParaRPr lang="ja-JP" altLang="en-US" sz="1400" dirty="0">
              <a:latin typeface="BIZ UDPゴシック" panose="020B0400000000000000" pitchFamily="50" charset="-128"/>
              <a:ea typeface="BIZ UDPゴシック" panose="020B0400000000000000" pitchFamily="50" charset="-128"/>
              <a:cs typeface="メイリオ"/>
            </a:endParaRPr>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txBox="1"/>
          <p:nvPr/>
        </p:nvSpPr>
        <p:spPr>
          <a:xfrm>
            <a:off x="1597152" y="5311141"/>
            <a:ext cx="8997950" cy="670055"/>
          </a:xfrm>
          <a:prstGeom prst="rect">
            <a:avLst/>
          </a:prstGeom>
          <a:ln w="9144">
            <a:solidFill>
              <a:srgbClr val="5B9BD4"/>
            </a:solidFill>
          </a:ln>
        </p:spPr>
        <p:txBody>
          <a:bodyPr vert="horz" wrap="square" lIns="0" tIns="10795" rIns="0" bIns="0" rtlCol="0">
            <a:spAutoFit/>
          </a:bodyPr>
          <a:lstStyle/>
          <a:p>
            <a:pPr marL="90805">
              <a:spcBef>
                <a:spcPts val="85"/>
              </a:spcBef>
            </a:pPr>
            <a:r>
              <a:rPr sz="2400" b="1" spc="40" dirty="0">
                <a:latin typeface="メイリオ"/>
                <a:cs typeface="メイリオ"/>
              </a:rPr>
              <a:t>・省電力・非線形演算を利用したロボット制御への応用</a:t>
            </a:r>
            <a:endParaRPr sz="2400">
              <a:latin typeface="メイリオ"/>
              <a:cs typeface="メイリオ"/>
            </a:endParaRPr>
          </a:p>
          <a:p>
            <a:pPr marL="90805">
              <a:spcBef>
                <a:spcPts val="75"/>
              </a:spcBef>
            </a:pPr>
            <a:r>
              <a:rPr b="1" dirty="0">
                <a:latin typeface="Century Gothic"/>
                <a:cs typeface="Century Gothic"/>
              </a:rPr>
              <a:t>→</a:t>
            </a:r>
            <a:r>
              <a:rPr b="1" spc="-5" dirty="0">
                <a:latin typeface="メイリオ"/>
                <a:cs typeface="メイリオ"/>
              </a:rPr>
              <a:t>やわらかいタコ足ロボット</a:t>
            </a:r>
            <a:endParaRPr>
              <a:latin typeface="メイリオ"/>
              <a:cs typeface="メイリオ"/>
            </a:endParaRPr>
          </a:p>
        </p:txBody>
      </p:sp>
      <p:sp>
        <p:nvSpPr>
          <p:cNvPr id="5" name="object 5"/>
          <p:cNvSpPr txBox="1"/>
          <p:nvPr/>
        </p:nvSpPr>
        <p:spPr>
          <a:xfrm>
            <a:off x="1597152" y="3453385"/>
            <a:ext cx="8997950" cy="948337"/>
          </a:xfrm>
          <a:prstGeom prst="rect">
            <a:avLst/>
          </a:prstGeom>
          <a:ln w="9144">
            <a:solidFill>
              <a:srgbClr val="5B9BD4"/>
            </a:solidFill>
          </a:ln>
        </p:spPr>
        <p:txBody>
          <a:bodyPr vert="horz" wrap="square" lIns="0" tIns="12065" rIns="0" bIns="0" rtlCol="0">
            <a:spAutoFit/>
          </a:bodyPr>
          <a:lstStyle/>
          <a:p>
            <a:pPr marL="90805">
              <a:spcBef>
                <a:spcPts val="95"/>
              </a:spcBef>
            </a:pPr>
            <a:r>
              <a:rPr sz="2400" b="1" dirty="0">
                <a:latin typeface="メイリオ"/>
                <a:cs typeface="メイリオ"/>
              </a:rPr>
              <a:t>・色々な物理現象を応用した新型</a:t>
            </a:r>
            <a:r>
              <a:rPr sz="2400" b="1" spc="-10" dirty="0">
                <a:latin typeface="Century Gothic"/>
                <a:cs typeface="Century Gothic"/>
              </a:rPr>
              <a:t>RC</a:t>
            </a:r>
            <a:r>
              <a:rPr sz="2400" b="1" spc="-20" dirty="0">
                <a:latin typeface="メイリオ"/>
                <a:cs typeface="メイリオ"/>
              </a:rPr>
              <a:t>用デバイスの提案</a:t>
            </a:r>
            <a:endParaRPr sz="2400">
              <a:latin typeface="メイリオ"/>
              <a:cs typeface="メイリオ"/>
            </a:endParaRPr>
          </a:p>
          <a:p>
            <a:pPr marL="90805">
              <a:spcBef>
                <a:spcPts val="70"/>
              </a:spcBef>
            </a:pPr>
            <a:r>
              <a:rPr b="1" dirty="0">
                <a:latin typeface="Century Gothic"/>
                <a:cs typeface="Century Gothic"/>
              </a:rPr>
              <a:t>→</a:t>
            </a:r>
            <a:r>
              <a:rPr b="1" spc="-5" dirty="0">
                <a:latin typeface="メイリオ"/>
                <a:cs typeface="メイリオ"/>
              </a:rPr>
              <a:t>光を用いたリザバーコンピューティング</a:t>
            </a:r>
            <a:endParaRPr>
              <a:latin typeface="メイリオ"/>
              <a:cs typeface="メイリオ"/>
            </a:endParaRPr>
          </a:p>
          <a:p>
            <a:pPr marL="90805"/>
            <a:r>
              <a:rPr b="1" dirty="0">
                <a:latin typeface="Century Gothic"/>
                <a:cs typeface="Century Gothic"/>
              </a:rPr>
              <a:t>→</a:t>
            </a:r>
            <a:r>
              <a:rPr b="1" spc="-5" dirty="0">
                <a:latin typeface="メイリオ"/>
                <a:cs typeface="メイリオ"/>
              </a:rPr>
              <a:t>ナノマテリアルを用いたリザバーコンピューティング</a:t>
            </a:r>
            <a:endParaRPr>
              <a:latin typeface="メイリオ"/>
              <a:cs typeface="メイリオ"/>
            </a:endParaRPr>
          </a:p>
        </p:txBody>
      </p:sp>
      <p:sp>
        <p:nvSpPr>
          <p:cNvPr id="6" name="object 6"/>
          <p:cNvSpPr txBox="1"/>
          <p:nvPr/>
        </p:nvSpPr>
        <p:spPr>
          <a:xfrm>
            <a:off x="1725574" y="653035"/>
            <a:ext cx="7208520" cy="890269"/>
          </a:xfrm>
          <a:prstGeom prst="rect">
            <a:avLst/>
          </a:prstGeom>
        </p:spPr>
        <p:txBody>
          <a:bodyPr vert="horz" wrap="square" lIns="0" tIns="170180" rIns="0" bIns="0" rtlCol="0">
            <a:spAutoFit/>
          </a:bodyPr>
          <a:lstStyle/>
          <a:p>
            <a:pPr marL="12700">
              <a:spcBef>
                <a:spcPts val="1340"/>
              </a:spcBef>
            </a:pPr>
            <a:r>
              <a:rPr spc="-10" dirty="0">
                <a:latin typeface="Century Gothic"/>
                <a:cs typeface="Century Gothic"/>
              </a:rPr>
              <a:t>RC</a:t>
            </a:r>
            <a:r>
              <a:rPr spc="-5" dirty="0">
                <a:latin typeface="メイリオ"/>
                <a:cs typeface="メイリオ"/>
              </a:rPr>
              <a:t>の持つ様々なメリットを踏まえて、様々な応用先が期待されている</a:t>
            </a:r>
            <a:endParaRPr>
              <a:latin typeface="メイリオ"/>
              <a:cs typeface="メイリオ"/>
            </a:endParaRPr>
          </a:p>
          <a:p>
            <a:pPr marL="12700">
              <a:spcBef>
                <a:spcPts val="1245"/>
              </a:spcBef>
            </a:pPr>
            <a:r>
              <a:rPr spc="-5" dirty="0">
                <a:latin typeface="メイリオ"/>
                <a:cs typeface="メイリオ"/>
              </a:rPr>
              <a:t>①高速で②シンプルな構造であることから、</a:t>
            </a:r>
            <a:endParaRPr>
              <a:latin typeface="メイリオ"/>
              <a:cs typeface="メイリオ"/>
            </a:endParaRPr>
          </a:p>
        </p:txBody>
      </p:sp>
      <p:sp>
        <p:nvSpPr>
          <p:cNvPr id="7" name="object 7"/>
          <p:cNvSpPr txBox="1"/>
          <p:nvPr/>
        </p:nvSpPr>
        <p:spPr>
          <a:xfrm>
            <a:off x="1597152" y="1674876"/>
            <a:ext cx="8997950" cy="947054"/>
          </a:xfrm>
          <a:prstGeom prst="rect">
            <a:avLst/>
          </a:prstGeom>
          <a:ln w="9144">
            <a:solidFill>
              <a:srgbClr val="5B9BD4"/>
            </a:solidFill>
          </a:ln>
        </p:spPr>
        <p:txBody>
          <a:bodyPr vert="horz" wrap="square" lIns="0" tIns="10795" rIns="0" bIns="0" rtlCol="0">
            <a:spAutoFit/>
          </a:bodyPr>
          <a:lstStyle/>
          <a:p>
            <a:pPr marL="90805">
              <a:spcBef>
                <a:spcPts val="85"/>
              </a:spcBef>
            </a:pPr>
            <a:r>
              <a:rPr sz="2400" b="1" spc="-10" dirty="0">
                <a:latin typeface="メイリオ"/>
                <a:cs typeface="メイリオ"/>
              </a:rPr>
              <a:t>・</a:t>
            </a:r>
            <a:r>
              <a:rPr sz="2400" b="1" spc="-25" dirty="0">
                <a:latin typeface="Century Gothic"/>
                <a:cs typeface="Century Gothic"/>
              </a:rPr>
              <a:t>IoT</a:t>
            </a:r>
            <a:r>
              <a:rPr sz="2400" b="1" spc="-5" dirty="0">
                <a:latin typeface="メイリオ"/>
                <a:cs typeface="メイリオ"/>
              </a:rPr>
              <a:t>時代に向けたリザバーコンピューティングの活用・研究例</a:t>
            </a:r>
            <a:endParaRPr sz="2400">
              <a:latin typeface="メイリオ"/>
              <a:cs typeface="メイリオ"/>
            </a:endParaRPr>
          </a:p>
          <a:p>
            <a:pPr marL="90805">
              <a:spcBef>
                <a:spcPts val="75"/>
              </a:spcBef>
            </a:pPr>
            <a:r>
              <a:rPr b="1" dirty="0">
                <a:latin typeface="Century Gothic"/>
                <a:cs typeface="Century Gothic"/>
              </a:rPr>
              <a:t>→</a:t>
            </a:r>
            <a:r>
              <a:rPr b="1" spc="-5" dirty="0">
                <a:latin typeface="メイリオ"/>
                <a:cs typeface="メイリオ"/>
              </a:rPr>
              <a:t>ソフトウェアの観点から</a:t>
            </a:r>
            <a:endParaRPr>
              <a:latin typeface="メイリオ"/>
              <a:cs typeface="メイリオ"/>
            </a:endParaRPr>
          </a:p>
          <a:p>
            <a:pPr marL="90805"/>
            <a:r>
              <a:rPr b="1" dirty="0">
                <a:latin typeface="Century Gothic"/>
                <a:cs typeface="Century Gothic"/>
              </a:rPr>
              <a:t>→</a:t>
            </a:r>
            <a:r>
              <a:rPr b="1" spc="-5" dirty="0">
                <a:latin typeface="メイリオ"/>
                <a:cs typeface="メイリオ"/>
              </a:rPr>
              <a:t>ハードウェアの観点から</a:t>
            </a:r>
            <a:endParaRPr>
              <a:latin typeface="メイリオ"/>
              <a:cs typeface="メイリオ"/>
            </a:endParaRPr>
          </a:p>
        </p:txBody>
      </p:sp>
      <p:sp>
        <p:nvSpPr>
          <p:cNvPr id="8" name="object 8"/>
          <p:cNvSpPr txBox="1"/>
          <p:nvPr/>
        </p:nvSpPr>
        <p:spPr>
          <a:xfrm>
            <a:off x="1725575" y="3012694"/>
            <a:ext cx="4140835" cy="299720"/>
          </a:xfrm>
          <a:prstGeom prst="rect">
            <a:avLst/>
          </a:prstGeom>
        </p:spPr>
        <p:txBody>
          <a:bodyPr vert="horz" wrap="square" lIns="0" tIns="12700" rIns="0" bIns="0" rtlCol="0">
            <a:spAutoFit/>
          </a:bodyPr>
          <a:lstStyle/>
          <a:p>
            <a:pPr marL="12700">
              <a:spcBef>
                <a:spcPts val="100"/>
              </a:spcBef>
            </a:pPr>
            <a:r>
              <a:rPr spc="-10" dirty="0">
                <a:latin typeface="メイリオ"/>
                <a:cs typeface="メイリオ"/>
              </a:rPr>
              <a:t>③非線形関数の自由度が高いことから、</a:t>
            </a:r>
            <a:endParaRPr>
              <a:latin typeface="メイリオ"/>
              <a:cs typeface="メイリオ"/>
            </a:endParaRPr>
          </a:p>
        </p:txBody>
      </p:sp>
      <p:sp>
        <p:nvSpPr>
          <p:cNvPr id="9" name="object 9"/>
          <p:cNvSpPr txBox="1"/>
          <p:nvPr/>
        </p:nvSpPr>
        <p:spPr>
          <a:xfrm>
            <a:off x="1725574" y="4937583"/>
            <a:ext cx="6198870" cy="300355"/>
          </a:xfrm>
          <a:prstGeom prst="rect">
            <a:avLst/>
          </a:prstGeom>
        </p:spPr>
        <p:txBody>
          <a:bodyPr vert="horz" wrap="square" lIns="0" tIns="12700" rIns="0" bIns="0" rtlCol="0">
            <a:spAutoFit/>
          </a:bodyPr>
          <a:lstStyle/>
          <a:p>
            <a:pPr marL="12700">
              <a:spcBef>
                <a:spcPts val="100"/>
              </a:spcBef>
            </a:pPr>
            <a:r>
              <a:rPr spc="-15" dirty="0">
                <a:latin typeface="メイリオ"/>
                <a:cs typeface="メイリオ"/>
              </a:rPr>
              <a:t>②シンプルな構造で③非線形関数の自由度が高いことから、</a:t>
            </a:r>
            <a:endParaRPr>
              <a:latin typeface="メイリオ"/>
              <a:cs typeface="メイリオ"/>
            </a:endParaRPr>
          </a:p>
        </p:txBody>
      </p:sp>
      <p:sp>
        <p:nvSpPr>
          <p:cNvPr id="15" name="正方形/長方形 14">
            <a:extLst>
              <a:ext uri="{FF2B5EF4-FFF2-40B4-BE49-F238E27FC236}">
                <a16:creationId xmlns:a16="http://schemas.microsoft.com/office/drawing/2014/main" id="{9847F7A5-23C9-3462-FE2B-CF8373C3CB1E}"/>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リザーバー計算機の応用</a:t>
            </a:r>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915628" y="5766437"/>
            <a:ext cx="10515599" cy="707886"/>
          </a:xfrm>
          <a:prstGeom prst="rect">
            <a:avLst/>
          </a:prstGeom>
        </p:spPr>
        <p:txBody>
          <a:bodyPr vert="horz" wrap="square" lIns="0" tIns="12700" rIns="0" bIns="0" rtlCol="0">
            <a:spAutoFit/>
          </a:bodyPr>
          <a:lstStyle/>
          <a:p>
            <a:pPr marL="42545" marR="320675">
              <a:spcBef>
                <a:spcPts val="100"/>
              </a:spcBef>
            </a:pPr>
            <a:r>
              <a:rPr b="1" spc="-20" dirty="0">
                <a:latin typeface="Century Gothic"/>
                <a:cs typeface="Century Gothic"/>
              </a:rPr>
              <a:t>FPGA</a:t>
            </a:r>
            <a:r>
              <a:rPr b="1" spc="-20" dirty="0">
                <a:latin typeface="メイリオ"/>
                <a:cs typeface="メイリオ"/>
              </a:rPr>
              <a:t>・アナログ回路によるリザバーコンピューティングに特化したハードウェアの開発</a:t>
            </a:r>
            <a:endParaRPr dirty="0">
              <a:latin typeface="メイリオ"/>
              <a:cs typeface="メイリオ"/>
            </a:endParaRPr>
          </a:p>
          <a:p>
            <a:pPr marL="12700">
              <a:spcBef>
                <a:spcPts val="1100"/>
              </a:spcBef>
            </a:pPr>
            <a:r>
              <a:rPr b="1" dirty="0" err="1">
                <a:latin typeface="メイリオ"/>
                <a:cs typeface="メイリオ"/>
              </a:rPr>
              <a:t>光やスピントロニクスを利用した高速・省電力</a:t>
            </a:r>
            <a:r>
              <a:rPr b="1" spc="-20" dirty="0" err="1">
                <a:latin typeface="Century Gothic"/>
                <a:cs typeface="Century Gothic"/>
              </a:rPr>
              <a:t>RC</a:t>
            </a:r>
            <a:r>
              <a:rPr b="1" spc="-5" dirty="0" err="1">
                <a:latin typeface="メイリオ"/>
                <a:cs typeface="メイリオ"/>
              </a:rPr>
              <a:t>特化デバイスの研究開発</a:t>
            </a:r>
            <a:endParaRPr sz="2700" baseline="3086" dirty="0">
              <a:latin typeface="メイリオ"/>
              <a:cs typeface="メイリオ"/>
            </a:endParaRPr>
          </a:p>
        </p:txBody>
      </p:sp>
      <p:sp>
        <p:nvSpPr>
          <p:cNvPr id="3" name="object 3"/>
          <p:cNvSpPr txBox="1"/>
          <p:nvPr/>
        </p:nvSpPr>
        <p:spPr>
          <a:xfrm>
            <a:off x="1602740" y="39752"/>
            <a:ext cx="7600315" cy="513715"/>
          </a:xfrm>
          <a:prstGeom prst="rect">
            <a:avLst/>
          </a:prstGeom>
        </p:spPr>
        <p:txBody>
          <a:bodyPr vert="horz" wrap="square" lIns="0" tIns="12700" rIns="0" bIns="0" rtlCol="0">
            <a:spAutoFit/>
          </a:bodyPr>
          <a:lstStyle/>
          <a:p>
            <a:pPr marL="12700">
              <a:spcBef>
                <a:spcPts val="100"/>
              </a:spcBef>
            </a:pPr>
            <a:r>
              <a:rPr sz="3200" b="1" dirty="0">
                <a:solidFill>
                  <a:srgbClr val="1F3863"/>
                </a:solidFill>
                <a:latin typeface="メイリオ"/>
                <a:cs typeface="メイリオ"/>
              </a:rPr>
              <a:t>応用</a:t>
            </a:r>
            <a:r>
              <a:rPr sz="3200" b="1" spc="-20" dirty="0">
                <a:solidFill>
                  <a:srgbClr val="1F3863"/>
                </a:solidFill>
                <a:latin typeface="Century Gothic"/>
                <a:cs typeface="Century Gothic"/>
              </a:rPr>
              <a:t>:IoT</a:t>
            </a:r>
            <a:r>
              <a:rPr sz="3200" b="1" spc="-15" dirty="0">
                <a:solidFill>
                  <a:srgbClr val="1F3863"/>
                </a:solidFill>
                <a:latin typeface="メイリオ"/>
                <a:cs typeface="メイリオ"/>
              </a:rPr>
              <a:t>へのリザバーコンピューティング</a:t>
            </a:r>
            <a:endParaRPr sz="3200">
              <a:latin typeface="メイリオ"/>
              <a:cs typeface="メイリオ"/>
            </a:endParaRPr>
          </a:p>
        </p:txBody>
      </p:sp>
      <p:sp>
        <p:nvSpPr>
          <p:cNvPr id="4" name="object 4"/>
          <p:cNvSpPr txBox="1"/>
          <p:nvPr/>
        </p:nvSpPr>
        <p:spPr>
          <a:xfrm>
            <a:off x="1547266" y="553204"/>
            <a:ext cx="4831080" cy="603250"/>
          </a:xfrm>
          <a:prstGeom prst="rect">
            <a:avLst/>
          </a:prstGeom>
        </p:spPr>
        <p:txBody>
          <a:bodyPr vert="horz" wrap="square" lIns="0" tIns="47625" rIns="0" bIns="0" rtlCol="0">
            <a:spAutoFit/>
          </a:bodyPr>
          <a:lstStyle/>
          <a:p>
            <a:pPr marL="112395">
              <a:spcBef>
                <a:spcPts val="375"/>
              </a:spcBef>
            </a:pPr>
            <a:r>
              <a:rPr sz="2000" b="1" u="sng" spc="-5" dirty="0">
                <a:uFill>
                  <a:solidFill>
                    <a:srgbClr val="000000"/>
                  </a:solidFill>
                </a:uFill>
                <a:latin typeface="メイリオ"/>
                <a:cs typeface="メイリオ"/>
              </a:rPr>
              <a:t>ソフトウェアの観点から</a:t>
            </a:r>
            <a:endParaRPr sz="2000" dirty="0">
              <a:latin typeface="メイリオ"/>
              <a:cs typeface="メイリオ"/>
            </a:endParaRPr>
          </a:p>
          <a:p>
            <a:pPr marL="12700">
              <a:spcBef>
                <a:spcPts val="190"/>
              </a:spcBef>
            </a:pPr>
            <a:r>
              <a:rPr sz="1400" dirty="0">
                <a:latin typeface="メイリオ"/>
                <a:cs typeface="メイリオ"/>
              </a:rPr>
              <a:t>（例）</a:t>
            </a:r>
            <a:r>
              <a:rPr sz="1400" spc="-20" dirty="0">
                <a:latin typeface="メイリオ"/>
                <a:cs typeface="メイリオ"/>
              </a:rPr>
              <a:t>リザバーコンピューティングを用いたソリューション</a:t>
            </a:r>
            <a:endParaRPr sz="1400" dirty="0">
              <a:latin typeface="メイリオ"/>
              <a:cs typeface="メイリオ"/>
            </a:endParaRPr>
          </a:p>
        </p:txBody>
      </p:sp>
      <p:sp>
        <p:nvSpPr>
          <p:cNvPr id="5" name="object 5"/>
          <p:cNvSpPr txBox="1"/>
          <p:nvPr/>
        </p:nvSpPr>
        <p:spPr>
          <a:xfrm>
            <a:off x="751386" y="1245514"/>
            <a:ext cx="3770068" cy="2267585"/>
          </a:xfrm>
          <a:prstGeom prst="rect">
            <a:avLst/>
          </a:prstGeom>
        </p:spPr>
        <p:txBody>
          <a:bodyPr vert="horz" wrap="square" lIns="0" tIns="13335" rIns="0" bIns="0" rtlCol="0">
            <a:spAutoFit/>
          </a:bodyPr>
          <a:lstStyle/>
          <a:p>
            <a:pPr marL="49530">
              <a:spcBef>
                <a:spcPts val="105"/>
              </a:spcBef>
            </a:pPr>
            <a:r>
              <a:rPr sz="1400" spc="-10" dirty="0">
                <a:latin typeface="メイリオ"/>
                <a:cs typeface="メイリオ"/>
              </a:rPr>
              <a:t>を提案するベンチャー企業</a:t>
            </a:r>
            <a:endParaRPr sz="1400" dirty="0">
              <a:latin typeface="メイリオ"/>
              <a:cs typeface="メイリオ"/>
            </a:endParaRPr>
          </a:p>
          <a:p>
            <a:pPr marL="72390">
              <a:spcBef>
                <a:spcPts val="1985"/>
              </a:spcBef>
            </a:pPr>
            <a:r>
              <a:rPr b="1" spc="-10" dirty="0">
                <a:latin typeface="メイリオ"/>
                <a:cs typeface="メイリオ"/>
              </a:rPr>
              <a:t>株式会社</a:t>
            </a:r>
            <a:r>
              <a:rPr b="1" dirty="0">
                <a:latin typeface="Century Gothic"/>
                <a:cs typeface="Century Gothic"/>
              </a:rPr>
              <a:t>Quantum</a:t>
            </a:r>
            <a:r>
              <a:rPr b="1" spc="-40" dirty="0">
                <a:latin typeface="Century Gothic"/>
                <a:cs typeface="Century Gothic"/>
              </a:rPr>
              <a:t> </a:t>
            </a:r>
            <a:r>
              <a:rPr b="1" dirty="0">
                <a:latin typeface="Century Gothic"/>
                <a:cs typeface="Century Gothic"/>
              </a:rPr>
              <a:t>Core</a:t>
            </a:r>
            <a:r>
              <a:rPr b="1" spc="-25" dirty="0">
                <a:latin typeface="Century Gothic"/>
                <a:cs typeface="Century Gothic"/>
              </a:rPr>
              <a:t> HP</a:t>
            </a:r>
            <a:endParaRPr dirty="0">
              <a:latin typeface="Century Gothic"/>
              <a:cs typeface="Century Gothic"/>
            </a:endParaRPr>
          </a:p>
          <a:p>
            <a:pPr marL="72390">
              <a:spcBef>
                <a:spcPts val="170"/>
              </a:spcBef>
            </a:pPr>
            <a:r>
              <a:rPr spc="-10" dirty="0">
                <a:latin typeface="Century Gothic"/>
                <a:cs typeface="Century Gothic"/>
              </a:rPr>
              <a:t>https://</a:t>
            </a:r>
            <a:r>
              <a:rPr spc="-10" dirty="0">
                <a:latin typeface="Century Gothic"/>
                <a:cs typeface="Century Gothic"/>
                <a:hlinkClick r:id="rId2"/>
              </a:rPr>
              <a:t>www.qcore.co.jp/</a:t>
            </a:r>
            <a:endParaRPr dirty="0">
              <a:latin typeface="Century Gothic"/>
              <a:cs typeface="Century Gothic"/>
            </a:endParaRPr>
          </a:p>
          <a:p>
            <a:pPr>
              <a:lnSpc>
                <a:spcPct val="100000"/>
              </a:lnSpc>
            </a:pPr>
            <a:endParaRPr dirty="0">
              <a:latin typeface="Century Gothic"/>
              <a:cs typeface="Century Gothic"/>
            </a:endParaRPr>
          </a:p>
          <a:p>
            <a:pPr>
              <a:spcBef>
                <a:spcPts val="110"/>
              </a:spcBef>
            </a:pPr>
            <a:endParaRPr dirty="0">
              <a:latin typeface="Century Gothic"/>
              <a:cs typeface="Century Gothic"/>
            </a:endParaRPr>
          </a:p>
          <a:p>
            <a:pPr algn="ctr">
              <a:lnSpc>
                <a:spcPct val="100000"/>
              </a:lnSpc>
            </a:pPr>
            <a:r>
              <a:rPr dirty="0">
                <a:latin typeface="メイリオ"/>
                <a:cs typeface="メイリオ"/>
              </a:rPr>
              <a:t>従来の深層学習と比較して、</a:t>
            </a:r>
            <a:r>
              <a:rPr b="1" spc="-25" dirty="0">
                <a:solidFill>
                  <a:srgbClr val="FF0000"/>
                </a:solidFill>
                <a:latin typeface="Century Gothic"/>
                <a:cs typeface="Century Gothic"/>
              </a:rPr>
              <a:t>1/</a:t>
            </a:r>
            <a:endParaRPr dirty="0">
              <a:latin typeface="Century Gothic"/>
              <a:cs typeface="Century Gothic"/>
            </a:endParaRPr>
          </a:p>
          <a:p>
            <a:pPr marR="41910" algn="ctr">
              <a:spcBef>
                <a:spcPts val="650"/>
              </a:spcBef>
              <a:tabLst>
                <a:tab pos="1614805" algn="l"/>
              </a:tabLst>
            </a:pPr>
            <a:r>
              <a:rPr b="1" dirty="0">
                <a:latin typeface="メイリオ"/>
                <a:cs typeface="メイリオ"/>
              </a:rPr>
              <a:t>ヘルスケ</a:t>
            </a:r>
            <a:r>
              <a:rPr b="1" spc="-50" dirty="0">
                <a:latin typeface="メイリオ"/>
                <a:cs typeface="メイリオ"/>
              </a:rPr>
              <a:t>ア</a:t>
            </a:r>
            <a:r>
              <a:rPr b="1" dirty="0">
                <a:latin typeface="メイリオ"/>
                <a:cs typeface="メイリオ"/>
              </a:rPr>
              <a:t>	工場自動</a:t>
            </a:r>
            <a:r>
              <a:rPr b="1" spc="-50" dirty="0">
                <a:latin typeface="メイリオ"/>
                <a:cs typeface="メイリオ"/>
              </a:rPr>
              <a:t>化</a:t>
            </a:r>
            <a:endParaRPr dirty="0">
              <a:latin typeface="メイリオ"/>
              <a:cs typeface="メイリオ"/>
            </a:endParaRPr>
          </a:p>
        </p:txBody>
      </p:sp>
      <p:sp>
        <p:nvSpPr>
          <p:cNvPr id="6" name="object 6"/>
          <p:cNvSpPr txBox="1"/>
          <p:nvPr/>
        </p:nvSpPr>
        <p:spPr>
          <a:xfrm>
            <a:off x="1773733" y="5103063"/>
            <a:ext cx="2825115" cy="331470"/>
          </a:xfrm>
          <a:prstGeom prst="rect">
            <a:avLst/>
          </a:prstGeom>
        </p:spPr>
        <p:txBody>
          <a:bodyPr vert="horz" wrap="square" lIns="0" tIns="13335" rIns="0" bIns="0" rtlCol="0">
            <a:spAutoFit/>
          </a:bodyPr>
          <a:lstStyle/>
          <a:p>
            <a:pPr marL="12700">
              <a:spcBef>
                <a:spcPts val="105"/>
              </a:spcBef>
            </a:pPr>
            <a:r>
              <a:rPr sz="2000" b="1" u="sng" spc="-15" dirty="0">
                <a:uFill>
                  <a:solidFill>
                    <a:srgbClr val="000000"/>
                  </a:solidFill>
                </a:uFill>
                <a:latin typeface="メイリオ"/>
                <a:cs typeface="メイリオ"/>
              </a:rPr>
              <a:t>ハードウェアの観点から</a:t>
            </a:r>
            <a:endParaRPr sz="2000" dirty="0">
              <a:latin typeface="メイリオ"/>
              <a:cs typeface="メイリオ"/>
            </a:endParaRPr>
          </a:p>
        </p:txBody>
      </p:sp>
      <p:sp>
        <p:nvSpPr>
          <p:cNvPr id="8" name="object 8"/>
          <p:cNvSpPr txBox="1"/>
          <p:nvPr/>
        </p:nvSpPr>
        <p:spPr>
          <a:xfrm>
            <a:off x="6741414" y="867283"/>
            <a:ext cx="3587750" cy="228909"/>
          </a:xfrm>
          <a:prstGeom prst="rect">
            <a:avLst/>
          </a:prstGeom>
        </p:spPr>
        <p:txBody>
          <a:bodyPr vert="horz" wrap="square" lIns="0" tIns="13335" rIns="0" bIns="0" rtlCol="0">
            <a:spAutoFit/>
          </a:bodyPr>
          <a:lstStyle/>
          <a:p>
            <a:pPr marL="12700">
              <a:spcBef>
                <a:spcPts val="105"/>
              </a:spcBef>
            </a:pPr>
            <a:r>
              <a:rPr sz="1400" b="1" spc="-15" dirty="0">
                <a:latin typeface="メイリオ"/>
                <a:cs typeface="メイリオ"/>
              </a:rPr>
              <a:t>リザバーコンピューティングの応用先</a:t>
            </a:r>
            <a:r>
              <a:rPr sz="1400" b="1" spc="-25" dirty="0">
                <a:latin typeface="メイリオ"/>
                <a:cs typeface="メイリオ"/>
              </a:rPr>
              <a:t>（</a:t>
            </a:r>
            <a:r>
              <a:rPr sz="1400" b="1" spc="-25" dirty="0">
                <a:latin typeface="ＭＳ ゴシック"/>
                <a:cs typeface="ＭＳ ゴシック"/>
              </a:rPr>
              <a:t>※</a:t>
            </a:r>
            <a:r>
              <a:rPr sz="1400" b="1" spc="-25" dirty="0">
                <a:latin typeface="メイリオ"/>
                <a:cs typeface="メイリオ"/>
              </a:rPr>
              <a:t>）</a:t>
            </a:r>
            <a:endParaRPr sz="1400">
              <a:latin typeface="メイリオ"/>
              <a:cs typeface="メイリオ"/>
            </a:endParaRPr>
          </a:p>
        </p:txBody>
      </p:sp>
      <p:sp>
        <p:nvSpPr>
          <p:cNvPr id="9" name="object 9"/>
          <p:cNvSpPr txBox="1"/>
          <p:nvPr/>
        </p:nvSpPr>
        <p:spPr>
          <a:xfrm>
            <a:off x="6744081" y="5215509"/>
            <a:ext cx="3582035" cy="166071"/>
          </a:xfrm>
          <a:prstGeom prst="rect">
            <a:avLst/>
          </a:prstGeom>
        </p:spPr>
        <p:txBody>
          <a:bodyPr vert="horz" wrap="square" lIns="0" tIns="12065" rIns="0" bIns="0" rtlCol="0">
            <a:spAutoFit/>
          </a:bodyPr>
          <a:lstStyle/>
          <a:p>
            <a:pPr marL="12700">
              <a:spcBef>
                <a:spcPts val="95"/>
              </a:spcBef>
            </a:pPr>
            <a:r>
              <a:rPr sz="1000" b="1" dirty="0">
                <a:latin typeface="ＭＳ ゴシック"/>
                <a:cs typeface="ＭＳ ゴシック"/>
              </a:rPr>
              <a:t>※</a:t>
            </a:r>
            <a:r>
              <a:rPr sz="1000" b="1" spc="-10" dirty="0">
                <a:latin typeface="メイリオ"/>
                <a:cs typeface="メイリオ"/>
              </a:rPr>
              <a:t>田中剛平</a:t>
            </a:r>
            <a:r>
              <a:rPr sz="1000" b="1" spc="-20" dirty="0">
                <a:latin typeface="Century Gothic"/>
                <a:cs typeface="Century Gothic"/>
              </a:rPr>
              <a:t>, </a:t>
            </a:r>
            <a:r>
              <a:rPr sz="1000" b="1" spc="-15" dirty="0">
                <a:latin typeface="メイリオ"/>
                <a:cs typeface="メイリオ"/>
              </a:rPr>
              <a:t>電子情報通信学会誌 </a:t>
            </a:r>
            <a:r>
              <a:rPr sz="1000" b="1" dirty="0">
                <a:latin typeface="Century Gothic"/>
                <a:cs typeface="Century Gothic"/>
              </a:rPr>
              <a:t>vol.102</a:t>
            </a:r>
            <a:r>
              <a:rPr sz="1000" b="1" spc="10" dirty="0">
                <a:latin typeface="Century Gothic"/>
                <a:cs typeface="Century Gothic"/>
              </a:rPr>
              <a:t>, </a:t>
            </a:r>
            <a:r>
              <a:rPr sz="1000" b="1" dirty="0">
                <a:latin typeface="Century Gothic"/>
                <a:cs typeface="Century Gothic"/>
              </a:rPr>
              <a:t>No.2</a:t>
            </a:r>
            <a:r>
              <a:rPr sz="1000" b="1" spc="-15" dirty="0">
                <a:latin typeface="Century Gothic"/>
                <a:cs typeface="Century Gothic"/>
              </a:rPr>
              <a:t> </a:t>
            </a:r>
            <a:r>
              <a:rPr sz="1000" b="1" spc="-20" dirty="0">
                <a:latin typeface="Century Gothic"/>
                <a:cs typeface="Century Gothic"/>
              </a:rPr>
              <a:t>108-</a:t>
            </a:r>
            <a:r>
              <a:rPr sz="1000" b="1" spc="-10" dirty="0">
                <a:latin typeface="Century Gothic"/>
                <a:cs typeface="Century Gothic"/>
              </a:rPr>
              <a:t>113(2019)</a:t>
            </a:r>
            <a:endParaRPr sz="1000">
              <a:latin typeface="Century Gothic"/>
              <a:cs typeface="Century Gothic"/>
            </a:endParaRPr>
          </a:p>
        </p:txBody>
      </p:sp>
      <p:grpSp>
        <p:nvGrpSpPr>
          <p:cNvPr id="10" name="object 10"/>
          <p:cNvGrpSpPr/>
          <p:nvPr/>
        </p:nvGrpSpPr>
        <p:grpSpPr>
          <a:xfrm>
            <a:off x="4672584" y="1350263"/>
            <a:ext cx="1915795" cy="1438910"/>
            <a:chOff x="3148583" y="1350263"/>
            <a:chExt cx="1915795" cy="1438910"/>
          </a:xfrm>
        </p:grpSpPr>
        <p:sp>
          <p:nvSpPr>
            <p:cNvPr id="11" name="object 11"/>
            <p:cNvSpPr/>
            <p:nvPr/>
          </p:nvSpPr>
          <p:spPr>
            <a:xfrm>
              <a:off x="3154679" y="1356359"/>
              <a:ext cx="1903730" cy="1426845"/>
            </a:xfrm>
            <a:custGeom>
              <a:avLst/>
              <a:gdLst/>
              <a:ahLst/>
              <a:cxnLst/>
              <a:rect l="l" t="t" r="r" b="b"/>
              <a:pathLst>
                <a:path w="1903729" h="1426845">
                  <a:moveTo>
                    <a:pt x="0" y="227837"/>
                  </a:moveTo>
                  <a:lnTo>
                    <a:pt x="4627" y="181913"/>
                  </a:lnTo>
                  <a:lnTo>
                    <a:pt x="17901" y="139142"/>
                  </a:lnTo>
                  <a:lnTo>
                    <a:pt x="38904" y="100440"/>
                  </a:lnTo>
                  <a:lnTo>
                    <a:pt x="66722" y="66722"/>
                  </a:lnTo>
                  <a:lnTo>
                    <a:pt x="100440" y="38904"/>
                  </a:lnTo>
                  <a:lnTo>
                    <a:pt x="139142" y="17901"/>
                  </a:lnTo>
                  <a:lnTo>
                    <a:pt x="181913" y="4627"/>
                  </a:lnTo>
                  <a:lnTo>
                    <a:pt x="227837" y="0"/>
                  </a:lnTo>
                  <a:lnTo>
                    <a:pt x="317245" y="0"/>
                  </a:lnTo>
                  <a:lnTo>
                    <a:pt x="793115" y="0"/>
                  </a:lnTo>
                  <a:lnTo>
                    <a:pt x="1675637" y="0"/>
                  </a:lnTo>
                  <a:lnTo>
                    <a:pt x="1721562" y="4627"/>
                  </a:lnTo>
                  <a:lnTo>
                    <a:pt x="1764333" y="17901"/>
                  </a:lnTo>
                  <a:lnTo>
                    <a:pt x="1803035" y="38904"/>
                  </a:lnTo>
                  <a:lnTo>
                    <a:pt x="1836753" y="66722"/>
                  </a:lnTo>
                  <a:lnTo>
                    <a:pt x="1864571" y="100440"/>
                  </a:lnTo>
                  <a:lnTo>
                    <a:pt x="1885574" y="139142"/>
                  </a:lnTo>
                  <a:lnTo>
                    <a:pt x="1898848" y="181913"/>
                  </a:lnTo>
                  <a:lnTo>
                    <a:pt x="1903475" y="227837"/>
                  </a:lnTo>
                  <a:lnTo>
                    <a:pt x="1903475" y="797432"/>
                  </a:lnTo>
                  <a:lnTo>
                    <a:pt x="1903475" y="1139189"/>
                  </a:lnTo>
                  <a:lnTo>
                    <a:pt x="1898848" y="1185114"/>
                  </a:lnTo>
                  <a:lnTo>
                    <a:pt x="1885574" y="1227885"/>
                  </a:lnTo>
                  <a:lnTo>
                    <a:pt x="1864571" y="1266587"/>
                  </a:lnTo>
                  <a:lnTo>
                    <a:pt x="1836753" y="1300305"/>
                  </a:lnTo>
                  <a:lnTo>
                    <a:pt x="1803035" y="1328123"/>
                  </a:lnTo>
                  <a:lnTo>
                    <a:pt x="1764333" y="1349126"/>
                  </a:lnTo>
                  <a:lnTo>
                    <a:pt x="1721562" y="1362400"/>
                  </a:lnTo>
                  <a:lnTo>
                    <a:pt x="1675637" y="1367027"/>
                  </a:lnTo>
                  <a:lnTo>
                    <a:pt x="793115" y="1367027"/>
                  </a:lnTo>
                  <a:lnTo>
                    <a:pt x="187197" y="1426590"/>
                  </a:lnTo>
                  <a:lnTo>
                    <a:pt x="317245" y="1367027"/>
                  </a:lnTo>
                  <a:lnTo>
                    <a:pt x="227837" y="1367027"/>
                  </a:lnTo>
                  <a:lnTo>
                    <a:pt x="181913" y="1362400"/>
                  </a:lnTo>
                  <a:lnTo>
                    <a:pt x="139142" y="1349126"/>
                  </a:lnTo>
                  <a:lnTo>
                    <a:pt x="100440" y="1328123"/>
                  </a:lnTo>
                  <a:lnTo>
                    <a:pt x="66722" y="1300305"/>
                  </a:lnTo>
                  <a:lnTo>
                    <a:pt x="38904" y="1266587"/>
                  </a:lnTo>
                  <a:lnTo>
                    <a:pt x="17901" y="1227885"/>
                  </a:lnTo>
                  <a:lnTo>
                    <a:pt x="4627" y="1185114"/>
                  </a:lnTo>
                  <a:lnTo>
                    <a:pt x="0" y="1139189"/>
                  </a:lnTo>
                  <a:lnTo>
                    <a:pt x="0" y="797432"/>
                  </a:lnTo>
                  <a:lnTo>
                    <a:pt x="0" y="227837"/>
                  </a:lnTo>
                  <a:close/>
                </a:path>
              </a:pathLst>
            </a:custGeom>
            <a:ln w="12192">
              <a:solidFill>
                <a:srgbClr val="000000"/>
              </a:solidFill>
            </a:ln>
          </p:spPr>
          <p:txBody>
            <a:bodyPr wrap="square" lIns="0" tIns="0" rIns="0" bIns="0" rtlCol="0"/>
            <a:lstStyle/>
            <a:p>
              <a:endParaRPr/>
            </a:p>
          </p:txBody>
        </p:sp>
        <p:sp>
          <p:nvSpPr>
            <p:cNvPr id="12" name="object 12"/>
            <p:cNvSpPr/>
            <p:nvPr/>
          </p:nvSpPr>
          <p:spPr>
            <a:xfrm>
              <a:off x="3229355" y="1406651"/>
              <a:ext cx="76200" cy="1177290"/>
            </a:xfrm>
            <a:custGeom>
              <a:avLst/>
              <a:gdLst/>
              <a:ahLst/>
              <a:cxnLst/>
              <a:rect l="l" t="t" r="r" b="b"/>
              <a:pathLst>
                <a:path w="76200" h="1177289">
                  <a:moveTo>
                    <a:pt x="44449" y="63500"/>
                  </a:moveTo>
                  <a:lnTo>
                    <a:pt x="31749" y="63500"/>
                  </a:lnTo>
                  <a:lnTo>
                    <a:pt x="31749" y="1177036"/>
                  </a:lnTo>
                  <a:lnTo>
                    <a:pt x="44449" y="1177036"/>
                  </a:lnTo>
                  <a:lnTo>
                    <a:pt x="44449" y="63500"/>
                  </a:lnTo>
                  <a:close/>
                </a:path>
                <a:path w="76200" h="1177289">
                  <a:moveTo>
                    <a:pt x="38099" y="0"/>
                  </a:moveTo>
                  <a:lnTo>
                    <a:pt x="0" y="76200"/>
                  </a:lnTo>
                  <a:lnTo>
                    <a:pt x="31749" y="76200"/>
                  </a:lnTo>
                  <a:lnTo>
                    <a:pt x="31749" y="63500"/>
                  </a:lnTo>
                  <a:lnTo>
                    <a:pt x="69849" y="63500"/>
                  </a:lnTo>
                  <a:lnTo>
                    <a:pt x="38099" y="0"/>
                  </a:lnTo>
                  <a:close/>
                </a:path>
                <a:path w="76200" h="1177289">
                  <a:moveTo>
                    <a:pt x="69849" y="63500"/>
                  </a:moveTo>
                  <a:lnTo>
                    <a:pt x="44449" y="63500"/>
                  </a:lnTo>
                  <a:lnTo>
                    <a:pt x="44449" y="76200"/>
                  </a:lnTo>
                  <a:lnTo>
                    <a:pt x="76199" y="76200"/>
                  </a:lnTo>
                  <a:lnTo>
                    <a:pt x="69849" y="63500"/>
                  </a:lnTo>
                  <a:close/>
                </a:path>
              </a:pathLst>
            </a:custGeom>
            <a:solidFill>
              <a:srgbClr val="000000"/>
            </a:solidFill>
          </p:spPr>
          <p:txBody>
            <a:bodyPr wrap="square" lIns="0" tIns="0" rIns="0" bIns="0" rtlCol="0"/>
            <a:lstStyle/>
            <a:p>
              <a:endParaRPr/>
            </a:p>
          </p:txBody>
        </p:sp>
      </p:grpSp>
      <p:sp>
        <p:nvSpPr>
          <p:cNvPr id="13" name="object 13"/>
          <p:cNvSpPr/>
          <p:nvPr/>
        </p:nvSpPr>
        <p:spPr>
          <a:xfrm>
            <a:off x="4896611" y="1482852"/>
            <a:ext cx="617220" cy="1096010"/>
          </a:xfrm>
          <a:custGeom>
            <a:avLst/>
            <a:gdLst/>
            <a:ahLst/>
            <a:cxnLst/>
            <a:rect l="l" t="t" r="r" b="b"/>
            <a:pathLst>
              <a:path w="617220" h="1096010">
                <a:moveTo>
                  <a:pt x="617220" y="0"/>
                </a:moveTo>
                <a:lnTo>
                  <a:pt x="0" y="0"/>
                </a:lnTo>
                <a:lnTo>
                  <a:pt x="0" y="1095756"/>
                </a:lnTo>
                <a:lnTo>
                  <a:pt x="617220" y="1095756"/>
                </a:lnTo>
                <a:lnTo>
                  <a:pt x="617220" y="0"/>
                </a:lnTo>
                <a:close/>
              </a:path>
            </a:pathLst>
          </a:custGeom>
          <a:solidFill>
            <a:srgbClr val="5B9BD4"/>
          </a:solidFill>
        </p:spPr>
        <p:txBody>
          <a:bodyPr wrap="square" lIns="0" tIns="0" rIns="0" bIns="0" rtlCol="0"/>
          <a:lstStyle/>
          <a:p>
            <a:endParaRPr/>
          </a:p>
        </p:txBody>
      </p:sp>
      <p:graphicFrame>
        <p:nvGraphicFramePr>
          <p:cNvPr id="14" name="object 14"/>
          <p:cNvGraphicFramePr>
            <a:graphicFrameLocks noGrp="1"/>
          </p:cNvGraphicFramePr>
          <p:nvPr>
            <p:extLst>
              <p:ext uri="{D42A27DB-BD31-4B8C-83A1-F6EECF244321}">
                <p14:modId xmlns:p14="http://schemas.microsoft.com/office/powerpoint/2010/main" val="2992803050"/>
              </p:ext>
            </p:extLst>
          </p:nvPr>
        </p:nvGraphicFramePr>
        <p:xfrm>
          <a:off x="4782058" y="1162938"/>
          <a:ext cx="5643879" cy="3943350"/>
        </p:xfrm>
        <a:graphic>
          <a:graphicData uri="http://schemas.openxmlformats.org/drawingml/2006/table">
            <a:tbl>
              <a:tblPr firstRow="1" bandRow="1">
                <a:tableStyleId>{2D5ABB26-0587-4C30-8999-92F81FD0307C}</a:tableStyleId>
              </a:tblPr>
              <a:tblGrid>
                <a:gridCol w="1830070">
                  <a:extLst>
                    <a:ext uri="{9D8B030D-6E8A-4147-A177-3AD203B41FA5}">
                      <a16:colId xmlns:a16="http://schemas.microsoft.com/office/drawing/2014/main" val="20000"/>
                    </a:ext>
                  </a:extLst>
                </a:gridCol>
                <a:gridCol w="1226184">
                  <a:extLst>
                    <a:ext uri="{9D8B030D-6E8A-4147-A177-3AD203B41FA5}">
                      <a16:colId xmlns:a16="http://schemas.microsoft.com/office/drawing/2014/main" val="20001"/>
                    </a:ext>
                  </a:extLst>
                </a:gridCol>
                <a:gridCol w="2587625">
                  <a:extLst>
                    <a:ext uri="{9D8B030D-6E8A-4147-A177-3AD203B41FA5}">
                      <a16:colId xmlns:a16="http://schemas.microsoft.com/office/drawing/2014/main" val="20002"/>
                    </a:ext>
                  </a:extLst>
                </a:gridCol>
              </a:tblGrid>
              <a:tr h="304800">
                <a:tc rowSpan="4">
                  <a:txBody>
                    <a:bodyPr/>
                    <a:lstStyle/>
                    <a:p>
                      <a:pPr>
                        <a:lnSpc>
                          <a:spcPct val="100000"/>
                        </a:lnSpc>
                        <a:spcBef>
                          <a:spcPts val="160"/>
                        </a:spcBef>
                      </a:pPr>
                      <a:endParaRPr sz="1800">
                        <a:latin typeface="Times New Roman"/>
                        <a:cs typeface="Times New Roman"/>
                      </a:endParaRPr>
                    </a:p>
                    <a:p>
                      <a:pPr marL="163830">
                        <a:lnSpc>
                          <a:spcPct val="100000"/>
                        </a:lnSpc>
                        <a:spcBef>
                          <a:spcPts val="5"/>
                        </a:spcBef>
                        <a:tabLst>
                          <a:tab pos="999490" algn="l"/>
                        </a:tabLst>
                      </a:pPr>
                      <a:r>
                        <a:rPr sz="1800" spc="-20" dirty="0">
                          <a:latin typeface="Century Gothic"/>
                          <a:cs typeface="Century Gothic"/>
                        </a:rPr>
                        <a:t>LSTM</a:t>
                      </a:r>
                      <a:r>
                        <a:rPr sz="1800" dirty="0">
                          <a:latin typeface="Century Gothic"/>
                          <a:cs typeface="Century Gothic"/>
                        </a:rPr>
                        <a:t>	</a:t>
                      </a:r>
                      <a:r>
                        <a:rPr sz="1800" spc="-20" dirty="0">
                          <a:latin typeface="Century Gothic"/>
                          <a:cs typeface="Century Gothic"/>
                        </a:rPr>
                        <a:t>Qore</a:t>
                      </a:r>
                      <a:endParaRPr sz="1800">
                        <a:latin typeface="Century Gothic"/>
                        <a:cs typeface="Century Gothic"/>
                      </a:endParaRPr>
                    </a:p>
                    <a:p>
                      <a:pPr marL="19050">
                        <a:lnSpc>
                          <a:spcPct val="100000"/>
                        </a:lnSpc>
                        <a:spcBef>
                          <a:spcPts val="960"/>
                        </a:spcBef>
                      </a:pPr>
                      <a:r>
                        <a:rPr sz="1800" b="1" spc="-20" dirty="0">
                          <a:latin typeface="Century Gothic"/>
                          <a:cs typeface="Century Gothic"/>
                        </a:rPr>
                        <a:t>120.5</a:t>
                      </a:r>
                      <a:r>
                        <a:rPr sz="1800" b="1" spc="-50" dirty="0">
                          <a:latin typeface="メイリオ"/>
                          <a:cs typeface="メイリオ"/>
                        </a:rPr>
                        <a:t>秒</a:t>
                      </a:r>
                      <a:endParaRPr sz="1800">
                        <a:latin typeface="メイリオ"/>
                        <a:cs typeface="メイリオ"/>
                      </a:endParaRPr>
                    </a:p>
                    <a:p>
                      <a:pPr marL="1001394">
                        <a:lnSpc>
                          <a:spcPct val="100000"/>
                        </a:lnSpc>
                        <a:spcBef>
                          <a:spcPts val="300"/>
                        </a:spcBef>
                      </a:pPr>
                      <a:r>
                        <a:rPr sz="1800" b="1" spc="-20" dirty="0">
                          <a:latin typeface="Century Gothic"/>
                          <a:cs typeface="Century Gothic"/>
                        </a:rPr>
                        <a:t>1.8</a:t>
                      </a:r>
                      <a:r>
                        <a:rPr sz="1800" b="1" spc="-50" dirty="0">
                          <a:latin typeface="メイリオ"/>
                          <a:cs typeface="メイリオ"/>
                        </a:rPr>
                        <a:t>秒</a:t>
                      </a:r>
                      <a:endParaRPr sz="1800">
                        <a:latin typeface="メイリオ"/>
                        <a:cs typeface="メイリオ"/>
                      </a:endParaRPr>
                    </a:p>
                  </a:txBody>
                  <a:tcPr marL="0" marR="0" marT="20320" marB="0">
                    <a:lnR w="12700">
                      <a:solidFill>
                        <a:srgbClr val="FFFFFF"/>
                      </a:solidFill>
                      <a:prstDash val="solid"/>
                    </a:lnR>
                    <a:lnB w="19050">
                      <a:solidFill>
                        <a:srgbClr val="000000"/>
                      </a:solidFill>
                      <a:prstDash val="solid"/>
                    </a:lnB>
                  </a:tcPr>
                </a:tc>
                <a:tc>
                  <a:txBody>
                    <a:bodyPr/>
                    <a:lstStyle/>
                    <a:p>
                      <a:pPr marL="92075">
                        <a:lnSpc>
                          <a:spcPct val="100000"/>
                        </a:lnSpc>
                        <a:spcBef>
                          <a:spcPts val="195"/>
                        </a:spcBef>
                      </a:pPr>
                      <a:r>
                        <a:rPr sz="1400" b="1" spc="-10" dirty="0">
                          <a:solidFill>
                            <a:srgbClr val="FFFFFF"/>
                          </a:solidFill>
                          <a:latin typeface="メイリオ"/>
                          <a:cs typeface="メイリオ"/>
                        </a:rPr>
                        <a:t>カテゴリー</a:t>
                      </a:r>
                      <a:endParaRPr sz="1400">
                        <a:latin typeface="メイリオ"/>
                        <a:cs typeface="メイリオ"/>
                      </a:endParaRPr>
                    </a:p>
                  </a:txBody>
                  <a:tcPr marL="0" marR="0" marT="24765"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4471C4"/>
                    </a:solidFill>
                  </a:tcPr>
                </a:tc>
                <a:tc>
                  <a:txBody>
                    <a:bodyPr/>
                    <a:lstStyle/>
                    <a:p>
                      <a:pPr marL="92075">
                        <a:lnSpc>
                          <a:spcPct val="100000"/>
                        </a:lnSpc>
                        <a:spcBef>
                          <a:spcPts val="195"/>
                        </a:spcBef>
                      </a:pPr>
                      <a:r>
                        <a:rPr sz="1400" b="1" spc="-25" dirty="0">
                          <a:solidFill>
                            <a:srgbClr val="FFFFFF"/>
                          </a:solidFill>
                          <a:latin typeface="メイリオ"/>
                          <a:cs typeface="メイリオ"/>
                        </a:rPr>
                        <a:t>対象</a:t>
                      </a:r>
                      <a:endParaRPr sz="1400" dirty="0">
                        <a:latin typeface="メイリオ"/>
                        <a:cs typeface="メイリオ"/>
                      </a:endParaRPr>
                    </a:p>
                  </a:txBody>
                  <a:tcPr marL="0" marR="0" marT="24765"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4471C4"/>
                    </a:solidFill>
                  </a:tcPr>
                </a:tc>
                <a:extLst>
                  <a:ext uri="{0D108BD9-81ED-4DB2-BD59-A6C34878D82A}">
                    <a16:rowId xmlns:a16="http://schemas.microsoft.com/office/drawing/2014/main" val="10000"/>
                  </a:ext>
                </a:extLst>
              </a:tr>
              <a:tr h="370205">
                <a:tc vMerge="1">
                  <a:txBody>
                    <a:bodyPr/>
                    <a:lstStyle/>
                    <a:p>
                      <a:endParaRPr/>
                    </a:p>
                  </a:txBody>
                  <a:tcPr marL="0" marR="0" marT="20320" marB="0">
                    <a:lnR w="12700">
                      <a:solidFill>
                        <a:srgbClr val="FFFFFF"/>
                      </a:solidFill>
                      <a:prstDash val="solid"/>
                    </a:lnR>
                    <a:lnB w="19050">
                      <a:solidFill>
                        <a:srgbClr val="000000"/>
                      </a:solidFill>
                      <a:prstDash val="solid"/>
                    </a:lnB>
                  </a:tcPr>
                </a:tc>
                <a:tc>
                  <a:txBody>
                    <a:bodyPr/>
                    <a:lstStyle/>
                    <a:p>
                      <a:pPr marL="92075">
                        <a:lnSpc>
                          <a:spcPct val="100000"/>
                        </a:lnSpc>
                        <a:spcBef>
                          <a:spcPts val="195"/>
                        </a:spcBef>
                      </a:pPr>
                      <a:r>
                        <a:rPr sz="1400" b="1" spc="80" dirty="0">
                          <a:latin typeface="メイリオ"/>
                          <a:cs typeface="メイリオ"/>
                        </a:rPr>
                        <a:t>生物・医療</a:t>
                      </a:r>
                      <a:endParaRPr sz="1400">
                        <a:latin typeface="メイリオ"/>
                        <a:cs typeface="メイリオ"/>
                      </a:endParaRPr>
                    </a:p>
                  </a:txBody>
                  <a:tcPr marL="0" marR="0" marT="2476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rgbClr val="CFD4EA"/>
                    </a:solidFill>
                  </a:tcPr>
                </a:tc>
                <a:tc>
                  <a:txBody>
                    <a:bodyPr/>
                    <a:lstStyle/>
                    <a:p>
                      <a:pPr marL="92075">
                        <a:lnSpc>
                          <a:spcPct val="100000"/>
                        </a:lnSpc>
                        <a:spcBef>
                          <a:spcPts val="195"/>
                        </a:spcBef>
                      </a:pPr>
                      <a:r>
                        <a:rPr sz="1400" b="1" dirty="0">
                          <a:latin typeface="Century Gothic"/>
                          <a:cs typeface="Century Gothic"/>
                        </a:rPr>
                        <a:t>EEG,</a:t>
                      </a:r>
                      <a:r>
                        <a:rPr sz="1400" b="1" spc="-30" dirty="0">
                          <a:latin typeface="Century Gothic"/>
                          <a:cs typeface="Century Gothic"/>
                        </a:rPr>
                        <a:t> </a:t>
                      </a:r>
                      <a:r>
                        <a:rPr sz="1400" b="1" dirty="0">
                          <a:latin typeface="Century Gothic"/>
                          <a:cs typeface="Century Gothic"/>
                        </a:rPr>
                        <a:t>fMRI,</a:t>
                      </a:r>
                      <a:r>
                        <a:rPr sz="1400" b="1" spc="-30" dirty="0">
                          <a:latin typeface="Century Gothic"/>
                          <a:cs typeface="Century Gothic"/>
                        </a:rPr>
                        <a:t> </a:t>
                      </a:r>
                      <a:r>
                        <a:rPr sz="1400" b="1" spc="-25" dirty="0">
                          <a:latin typeface="メイリオ"/>
                          <a:cs typeface="メイリオ"/>
                        </a:rPr>
                        <a:t>心拍等</a:t>
                      </a:r>
                      <a:endParaRPr sz="1400">
                        <a:latin typeface="メイリオ"/>
                        <a:cs typeface="メイリオ"/>
                      </a:endParaRPr>
                    </a:p>
                  </a:txBody>
                  <a:tcPr marL="0" marR="0" marT="2476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rgbClr val="CFD4EA"/>
                    </a:solidFill>
                  </a:tcPr>
                </a:tc>
                <a:extLst>
                  <a:ext uri="{0D108BD9-81ED-4DB2-BD59-A6C34878D82A}">
                    <a16:rowId xmlns:a16="http://schemas.microsoft.com/office/drawing/2014/main" val="10001"/>
                  </a:ext>
                </a:extLst>
              </a:tr>
              <a:tr h="370840">
                <a:tc vMerge="1">
                  <a:txBody>
                    <a:bodyPr/>
                    <a:lstStyle/>
                    <a:p>
                      <a:endParaRPr/>
                    </a:p>
                  </a:txBody>
                  <a:tcPr marL="0" marR="0" marT="20320" marB="0">
                    <a:lnR w="12700">
                      <a:solidFill>
                        <a:srgbClr val="FFFFFF"/>
                      </a:solidFill>
                      <a:prstDash val="solid"/>
                    </a:lnR>
                    <a:lnB w="19050">
                      <a:solidFill>
                        <a:srgbClr val="000000"/>
                      </a:solidFill>
                      <a:prstDash val="solid"/>
                    </a:lnB>
                  </a:tcPr>
                </a:tc>
                <a:tc>
                  <a:txBody>
                    <a:bodyPr/>
                    <a:lstStyle/>
                    <a:p>
                      <a:pPr marL="92075">
                        <a:lnSpc>
                          <a:spcPct val="100000"/>
                        </a:lnSpc>
                        <a:spcBef>
                          <a:spcPts val="200"/>
                        </a:spcBef>
                      </a:pPr>
                      <a:r>
                        <a:rPr sz="1400" b="1" spc="-25" dirty="0">
                          <a:latin typeface="メイリオ"/>
                          <a:cs typeface="メイリオ"/>
                        </a:rPr>
                        <a:t>画像</a:t>
                      </a:r>
                      <a:endParaRPr sz="140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tc>
                  <a:txBody>
                    <a:bodyPr/>
                    <a:lstStyle/>
                    <a:p>
                      <a:pPr marL="92075">
                        <a:lnSpc>
                          <a:spcPct val="100000"/>
                        </a:lnSpc>
                        <a:spcBef>
                          <a:spcPts val="200"/>
                        </a:spcBef>
                      </a:pPr>
                      <a:r>
                        <a:rPr sz="1400" b="1" spc="-10" dirty="0">
                          <a:latin typeface="メイリオ"/>
                          <a:cs typeface="メイリオ"/>
                        </a:rPr>
                        <a:t>手書き文字、動画像</a:t>
                      </a:r>
                      <a:endParaRPr sz="1400" dirty="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extLst>
                  <a:ext uri="{0D108BD9-81ED-4DB2-BD59-A6C34878D82A}">
                    <a16:rowId xmlns:a16="http://schemas.microsoft.com/office/drawing/2014/main" val="10002"/>
                  </a:ext>
                </a:extLst>
              </a:tr>
              <a:tr h="370205">
                <a:tc vMerge="1">
                  <a:txBody>
                    <a:bodyPr/>
                    <a:lstStyle/>
                    <a:p>
                      <a:endParaRPr/>
                    </a:p>
                  </a:txBody>
                  <a:tcPr marL="0" marR="0" marT="20320" marB="0">
                    <a:lnR w="12700">
                      <a:solidFill>
                        <a:srgbClr val="FFFFFF"/>
                      </a:solidFill>
                      <a:prstDash val="solid"/>
                    </a:lnR>
                    <a:lnB w="19050">
                      <a:solidFill>
                        <a:srgbClr val="000000"/>
                      </a:solidFill>
                      <a:prstDash val="solid"/>
                    </a:lnB>
                  </a:tcPr>
                </a:tc>
                <a:tc>
                  <a:txBody>
                    <a:bodyPr/>
                    <a:lstStyle/>
                    <a:p>
                      <a:pPr marL="92075">
                        <a:lnSpc>
                          <a:spcPct val="100000"/>
                        </a:lnSpc>
                        <a:spcBef>
                          <a:spcPts val="195"/>
                        </a:spcBef>
                      </a:pPr>
                      <a:r>
                        <a:rPr sz="1400" b="1" spc="-25" dirty="0">
                          <a:latin typeface="メイリオ"/>
                          <a:cs typeface="メイリオ"/>
                        </a:rPr>
                        <a:t>音声</a:t>
                      </a:r>
                      <a:endParaRPr sz="1400">
                        <a:latin typeface="メイリオ"/>
                        <a:cs typeface="メイリオ"/>
                      </a:endParaRPr>
                    </a:p>
                  </a:txBody>
                  <a:tcPr marL="0" marR="0" marT="2476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tc>
                  <a:txBody>
                    <a:bodyPr/>
                    <a:lstStyle/>
                    <a:p>
                      <a:pPr marL="92075">
                        <a:lnSpc>
                          <a:spcPct val="100000"/>
                        </a:lnSpc>
                        <a:spcBef>
                          <a:spcPts val="195"/>
                        </a:spcBef>
                      </a:pPr>
                      <a:r>
                        <a:rPr sz="1400" b="1" spc="45" dirty="0">
                          <a:latin typeface="メイリオ"/>
                          <a:cs typeface="メイリオ"/>
                        </a:rPr>
                        <a:t>発話、音楽・音響</a:t>
                      </a:r>
                      <a:endParaRPr sz="1400" dirty="0">
                        <a:latin typeface="メイリオ"/>
                        <a:cs typeface="メイリオ"/>
                      </a:endParaRPr>
                    </a:p>
                  </a:txBody>
                  <a:tcPr marL="0" marR="0" marT="2476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extLst>
                  <a:ext uri="{0D108BD9-81ED-4DB2-BD59-A6C34878D82A}">
                    <a16:rowId xmlns:a16="http://schemas.microsoft.com/office/drawing/2014/main" val="10003"/>
                  </a:ext>
                </a:extLst>
              </a:tr>
              <a:tr h="370205">
                <a:tc rowSpan="7">
                  <a:txBody>
                    <a:bodyPr/>
                    <a:lstStyle/>
                    <a:p>
                      <a:pPr>
                        <a:lnSpc>
                          <a:spcPct val="100000"/>
                        </a:lnSpc>
                        <a:spcBef>
                          <a:spcPts val="1365"/>
                        </a:spcBef>
                      </a:pPr>
                      <a:r>
                        <a:rPr sz="1800" b="1" spc="-20" dirty="0">
                          <a:solidFill>
                            <a:srgbClr val="FF0000"/>
                          </a:solidFill>
                          <a:latin typeface="Century Gothic"/>
                          <a:cs typeface="Century Gothic"/>
                        </a:rPr>
                        <a:t>100</a:t>
                      </a:r>
                      <a:r>
                        <a:rPr sz="1800" spc="-10" dirty="0">
                          <a:latin typeface="メイリオ"/>
                          <a:cs typeface="メイリオ"/>
                        </a:rPr>
                        <a:t>の学習時間！</a:t>
                      </a:r>
                      <a:endParaRPr sz="1800" dirty="0">
                        <a:latin typeface="メイリオ"/>
                        <a:cs typeface="メイリオ"/>
                      </a:endParaRPr>
                    </a:p>
                    <a:p>
                      <a:pPr marL="264160">
                        <a:lnSpc>
                          <a:spcPct val="100000"/>
                        </a:lnSpc>
                        <a:spcBef>
                          <a:spcPts val="650"/>
                        </a:spcBef>
                      </a:pPr>
                      <a:r>
                        <a:rPr sz="1800" b="1" spc="-15" dirty="0">
                          <a:latin typeface="メイリオ"/>
                          <a:cs typeface="メイリオ"/>
                        </a:rPr>
                        <a:t>市場予測</a:t>
                      </a:r>
                      <a:endParaRPr sz="1800" dirty="0">
                        <a:latin typeface="メイリオ"/>
                        <a:cs typeface="メイリオ"/>
                      </a:endParaRPr>
                    </a:p>
                  </a:txBody>
                  <a:tcPr marL="0" marR="0" marT="173355" marB="0">
                    <a:lnR w="12700">
                      <a:solidFill>
                        <a:srgbClr val="FFFFFF"/>
                      </a:solidFill>
                      <a:prstDash val="solid"/>
                    </a:lnR>
                    <a:lnT w="19050">
                      <a:solidFill>
                        <a:srgbClr val="000000"/>
                      </a:solidFill>
                      <a:prstDash val="solid"/>
                    </a:lnT>
                  </a:tcPr>
                </a:tc>
                <a:tc>
                  <a:txBody>
                    <a:bodyPr/>
                    <a:lstStyle/>
                    <a:p>
                      <a:pPr marL="92075">
                        <a:lnSpc>
                          <a:spcPct val="100000"/>
                        </a:lnSpc>
                        <a:spcBef>
                          <a:spcPts val="200"/>
                        </a:spcBef>
                      </a:pPr>
                      <a:r>
                        <a:rPr sz="1400" b="1" spc="-25" dirty="0">
                          <a:latin typeface="メイリオ"/>
                          <a:cs typeface="メイリオ"/>
                        </a:rPr>
                        <a:t>機械</a:t>
                      </a:r>
                      <a:endParaRPr sz="140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tc>
                  <a:txBody>
                    <a:bodyPr/>
                    <a:lstStyle/>
                    <a:p>
                      <a:pPr marL="92075">
                        <a:lnSpc>
                          <a:spcPct val="100000"/>
                        </a:lnSpc>
                        <a:spcBef>
                          <a:spcPts val="200"/>
                        </a:spcBef>
                      </a:pPr>
                      <a:r>
                        <a:rPr sz="1400" b="1" spc="-10" dirty="0">
                          <a:latin typeface="メイリオ"/>
                          <a:cs typeface="メイリオ"/>
                        </a:rPr>
                        <a:t>ロボット、車両、センサ等</a:t>
                      </a:r>
                      <a:endParaRPr sz="140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extLst>
                  <a:ext uri="{0D108BD9-81ED-4DB2-BD59-A6C34878D82A}">
                    <a16:rowId xmlns:a16="http://schemas.microsoft.com/office/drawing/2014/main" val="10004"/>
                  </a:ext>
                </a:extLst>
              </a:tr>
              <a:tr h="370205">
                <a:tc vMerge="1">
                  <a:txBody>
                    <a:bodyPr/>
                    <a:lstStyle/>
                    <a:p>
                      <a:endParaRPr/>
                    </a:p>
                  </a:txBody>
                  <a:tcPr marL="0" marR="0" marT="173355" marB="0">
                    <a:lnR w="12700">
                      <a:solidFill>
                        <a:srgbClr val="FFFFFF"/>
                      </a:solidFill>
                      <a:prstDash val="solid"/>
                    </a:lnR>
                    <a:lnT w="19050">
                      <a:solidFill>
                        <a:srgbClr val="000000"/>
                      </a:solidFill>
                      <a:prstDash val="solid"/>
                    </a:lnT>
                  </a:tcPr>
                </a:tc>
                <a:tc>
                  <a:txBody>
                    <a:bodyPr/>
                    <a:lstStyle/>
                    <a:p>
                      <a:pPr marL="92075">
                        <a:lnSpc>
                          <a:spcPct val="100000"/>
                        </a:lnSpc>
                        <a:spcBef>
                          <a:spcPts val="200"/>
                        </a:spcBef>
                      </a:pPr>
                      <a:r>
                        <a:rPr sz="1400" b="1" spc="-25" dirty="0">
                          <a:latin typeface="メイリオ"/>
                          <a:cs typeface="メイリオ"/>
                        </a:rPr>
                        <a:t>工業</a:t>
                      </a:r>
                      <a:endParaRPr sz="140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tc>
                  <a:txBody>
                    <a:bodyPr/>
                    <a:lstStyle/>
                    <a:p>
                      <a:pPr marL="92075">
                        <a:lnSpc>
                          <a:spcPct val="100000"/>
                        </a:lnSpc>
                        <a:spcBef>
                          <a:spcPts val="200"/>
                        </a:spcBef>
                      </a:pPr>
                      <a:r>
                        <a:rPr sz="1400" b="1" spc="-5" dirty="0">
                          <a:latin typeface="メイリオ"/>
                          <a:cs typeface="メイリオ"/>
                        </a:rPr>
                        <a:t>プラント、送電管理等</a:t>
                      </a:r>
                      <a:endParaRPr sz="140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extLst>
                  <a:ext uri="{0D108BD9-81ED-4DB2-BD59-A6C34878D82A}">
                    <a16:rowId xmlns:a16="http://schemas.microsoft.com/office/drawing/2014/main" val="10005"/>
                  </a:ext>
                </a:extLst>
              </a:tr>
              <a:tr h="370840">
                <a:tc vMerge="1">
                  <a:txBody>
                    <a:bodyPr/>
                    <a:lstStyle/>
                    <a:p>
                      <a:endParaRPr/>
                    </a:p>
                  </a:txBody>
                  <a:tcPr marL="0" marR="0" marT="173355" marB="0">
                    <a:lnR w="12700">
                      <a:solidFill>
                        <a:srgbClr val="FFFFFF"/>
                      </a:solidFill>
                      <a:prstDash val="solid"/>
                    </a:lnR>
                    <a:lnT w="19050">
                      <a:solidFill>
                        <a:srgbClr val="000000"/>
                      </a:solidFill>
                      <a:prstDash val="solid"/>
                    </a:lnT>
                  </a:tcPr>
                </a:tc>
                <a:tc>
                  <a:txBody>
                    <a:bodyPr/>
                    <a:lstStyle/>
                    <a:p>
                      <a:pPr marL="92075">
                        <a:lnSpc>
                          <a:spcPct val="100000"/>
                        </a:lnSpc>
                        <a:spcBef>
                          <a:spcPts val="200"/>
                        </a:spcBef>
                      </a:pPr>
                      <a:r>
                        <a:rPr sz="1400" b="1" spc="-25" dirty="0">
                          <a:latin typeface="メイリオ"/>
                          <a:cs typeface="メイリオ"/>
                        </a:rPr>
                        <a:t>通信</a:t>
                      </a:r>
                      <a:endParaRPr sz="140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tc>
                  <a:txBody>
                    <a:bodyPr/>
                    <a:lstStyle/>
                    <a:p>
                      <a:pPr marL="92075">
                        <a:lnSpc>
                          <a:spcPct val="100000"/>
                        </a:lnSpc>
                        <a:spcBef>
                          <a:spcPts val="200"/>
                        </a:spcBef>
                      </a:pPr>
                      <a:r>
                        <a:rPr sz="1400" b="1" spc="-10" dirty="0">
                          <a:latin typeface="メイリオ"/>
                          <a:cs typeface="メイリオ"/>
                        </a:rPr>
                        <a:t>電波、ネット通信等</a:t>
                      </a:r>
                      <a:endParaRPr sz="140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extLst>
                  <a:ext uri="{0D108BD9-81ED-4DB2-BD59-A6C34878D82A}">
                    <a16:rowId xmlns:a16="http://schemas.microsoft.com/office/drawing/2014/main" val="10006"/>
                  </a:ext>
                </a:extLst>
              </a:tr>
              <a:tr h="370205">
                <a:tc vMerge="1">
                  <a:txBody>
                    <a:bodyPr/>
                    <a:lstStyle/>
                    <a:p>
                      <a:endParaRPr/>
                    </a:p>
                  </a:txBody>
                  <a:tcPr marL="0" marR="0" marT="173355" marB="0">
                    <a:lnR w="12700">
                      <a:solidFill>
                        <a:srgbClr val="FFFFFF"/>
                      </a:solidFill>
                      <a:prstDash val="solid"/>
                    </a:lnR>
                    <a:lnT w="19050">
                      <a:solidFill>
                        <a:srgbClr val="000000"/>
                      </a:solidFill>
                      <a:prstDash val="solid"/>
                    </a:lnT>
                  </a:tcPr>
                </a:tc>
                <a:tc>
                  <a:txBody>
                    <a:bodyPr/>
                    <a:lstStyle/>
                    <a:p>
                      <a:pPr marL="92075">
                        <a:lnSpc>
                          <a:spcPct val="100000"/>
                        </a:lnSpc>
                        <a:spcBef>
                          <a:spcPts val="200"/>
                        </a:spcBef>
                      </a:pPr>
                      <a:r>
                        <a:rPr sz="1400" b="1" spc="-25" dirty="0">
                          <a:latin typeface="メイリオ"/>
                          <a:cs typeface="メイリオ"/>
                        </a:rPr>
                        <a:t>環境</a:t>
                      </a:r>
                      <a:endParaRPr sz="140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tc>
                  <a:txBody>
                    <a:bodyPr/>
                    <a:lstStyle/>
                    <a:p>
                      <a:pPr marL="92075">
                        <a:lnSpc>
                          <a:spcPct val="100000"/>
                        </a:lnSpc>
                        <a:spcBef>
                          <a:spcPts val="200"/>
                        </a:spcBef>
                      </a:pPr>
                      <a:r>
                        <a:rPr sz="1400" b="1" spc="-10" dirty="0">
                          <a:latin typeface="メイリオ"/>
                          <a:cs typeface="メイリオ"/>
                        </a:rPr>
                        <a:t>風力、地震、降雨等</a:t>
                      </a:r>
                      <a:endParaRPr sz="140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extLst>
                  <a:ext uri="{0D108BD9-81ED-4DB2-BD59-A6C34878D82A}">
                    <a16:rowId xmlns:a16="http://schemas.microsoft.com/office/drawing/2014/main" val="10007"/>
                  </a:ext>
                </a:extLst>
              </a:tr>
              <a:tr h="370205">
                <a:tc vMerge="1">
                  <a:txBody>
                    <a:bodyPr/>
                    <a:lstStyle/>
                    <a:p>
                      <a:endParaRPr/>
                    </a:p>
                  </a:txBody>
                  <a:tcPr marL="0" marR="0" marT="173355" marB="0">
                    <a:lnR w="12700">
                      <a:solidFill>
                        <a:srgbClr val="FFFFFF"/>
                      </a:solidFill>
                      <a:prstDash val="solid"/>
                    </a:lnR>
                    <a:lnT w="19050">
                      <a:solidFill>
                        <a:srgbClr val="000000"/>
                      </a:solidFill>
                      <a:prstDash val="solid"/>
                    </a:lnT>
                  </a:tcPr>
                </a:tc>
                <a:tc>
                  <a:txBody>
                    <a:bodyPr/>
                    <a:lstStyle/>
                    <a:p>
                      <a:pPr marL="92075">
                        <a:lnSpc>
                          <a:spcPct val="100000"/>
                        </a:lnSpc>
                        <a:spcBef>
                          <a:spcPts val="200"/>
                        </a:spcBef>
                      </a:pPr>
                      <a:r>
                        <a:rPr sz="1400" b="1" spc="-25" dirty="0">
                          <a:latin typeface="メイリオ"/>
                          <a:cs typeface="メイリオ"/>
                        </a:rPr>
                        <a:t>安全</a:t>
                      </a:r>
                      <a:endParaRPr sz="140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tc>
                  <a:txBody>
                    <a:bodyPr/>
                    <a:lstStyle/>
                    <a:p>
                      <a:pPr marL="92075">
                        <a:lnSpc>
                          <a:spcPct val="100000"/>
                        </a:lnSpc>
                        <a:spcBef>
                          <a:spcPts val="200"/>
                        </a:spcBef>
                      </a:pPr>
                      <a:r>
                        <a:rPr sz="1400" b="1" spc="-25" dirty="0">
                          <a:latin typeface="メイリオ"/>
                          <a:cs typeface="メイリオ"/>
                        </a:rPr>
                        <a:t>暗号</a:t>
                      </a:r>
                      <a:endParaRPr sz="1400">
                        <a:latin typeface="メイリオ"/>
                        <a:cs typeface="メイリオ"/>
                      </a:endParaRPr>
                    </a:p>
                  </a:txBody>
                  <a:tcPr marL="0" marR="0" marT="25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extLst>
                  <a:ext uri="{0D108BD9-81ED-4DB2-BD59-A6C34878D82A}">
                    <a16:rowId xmlns:a16="http://schemas.microsoft.com/office/drawing/2014/main" val="10008"/>
                  </a:ext>
                </a:extLst>
              </a:tr>
              <a:tr h="370840">
                <a:tc vMerge="1">
                  <a:txBody>
                    <a:bodyPr/>
                    <a:lstStyle/>
                    <a:p>
                      <a:endParaRPr/>
                    </a:p>
                  </a:txBody>
                  <a:tcPr marL="0" marR="0" marT="173355" marB="0">
                    <a:lnR w="12700">
                      <a:solidFill>
                        <a:srgbClr val="FFFFFF"/>
                      </a:solidFill>
                      <a:prstDash val="solid"/>
                    </a:lnR>
                    <a:lnT w="19050">
                      <a:solidFill>
                        <a:srgbClr val="000000"/>
                      </a:solidFill>
                      <a:prstDash val="solid"/>
                    </a:lnT>
                  </a:tcPr>
                </a:tc>
                <a:tc>
                  <a:txBody>
                    <a:bodyPr/>
                    <a:lstStyle/>
                    <a:p>
                      <a:pPr marL="92075">
                        <a:lnSpc>
                          <a:spcPct val="100000"/>
                        </a:lnSpc>
                        <a:spcBef>
                          <a:spcPts val="204"/>
                        </a:spcBef>
                      </a:pPr>
                      <a:r>
                        <a:rPr sz="1400" b="1" spc="85" dirty="0">
                          <a:latin typeface="メイリオ"/>
                          <a:cs typeface="メイリオ"/>
                        </a:rPr>
                        <a:t>経済・金融</a:t>
                      </a:r>
                      <a:endParaRPr sz="1400">
                        <a:latin typeface="メイリオ"/>
                        <a:cs typeface="メイリオ"/>
                      </a:endParaRPr>
                    </a:p>
                  </a:txBody>
                  <a:tcPr marL="0" marR="0" marT="2603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tc>
                  <a:txBody>
                    <a:bodyPr/>
                    <a:lstStyle/>
                    <a:p>
                      <a:pPr marL="92075">
                        <a:lnSpc>
                          <a:spcPct val="100000"/>
                        </a:lnSpc>
                        <a:spcBef>
                          <a:spcPts val="204"/>
                        </a:spcBef>
                      </a:pPr>
                      <a:r>
                        <a:rPr sz="1400" b="1" spc="-10" dirty="0">
                          <a:latin typeface="メイリオ"/>
                          <a:cs typeface="メイリオ"/>
                        </a:rPr>
                        <a:t>株価、為替相場等</a:t>
                      </a:r>
                      <a:endParaRPr sz="1400">
                        <a:latin typeface="メイリオ"/>
                        <a:cs typeface="メイリオ"/>
                      </a:endParaRPr>
                    </a:p>
                  </a:txBody>
                  <a:tcPr marL="0" marR="0" marT="2603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extLst>
                  <a:ext uri="{0D108BD9-81ED-4DB2-BD59-A6C34878D82A}">
                    <a16:rowId xmlns:a16="http://schemas.microsoft.com/office/drawing/2014/main" val="10009"/>
                  </a:ext>
                </a:extLst>
              </a:tr>
              <a:tr h="304800">
                <a:tc vMerge="1">
                  <a:txBody>
                    <a:bodyPr/>
                    <a:lstStyle/>
                    <a:p>
                      <a:endParaRPr/>
                    </a:p>
                  </a:txBody>
                  <a:tcPr marL="0" marR="0" marT="173355" marB="0">
                    <a:lnR w="12700">
                      <a:solidFill>
                        <a:srgbClr val="FFFFFF"/>
                      </a:solidFill>
                      <a:prstDash val="solid"/>
                    </a:lnR>
                    <a:lnT w="19050">
                      <a:solidFill>
                        <a:srgbClr val="000000"/>
                      </a:solidFill>
                      <a:prstDash val="solid"/>
                    </a:lnT>
                  </a:tcPr>
                </a:tc>
                <a:tc>
                  <a:txBody>
                    <a:bodyPr/>
                    <a:lstStyle/>
                    <a:p>
                      <a:pPr marL="92075">
                        <a:lnSpc>
                          <a:spcPct val="100000"/>
                        </a:lnSpc>
                        <a:spcBef>
                          <a:spcPts val="204"/>
                        </a:spcBef>
                      </a:pPr>
                      <a:r>
                        <a:rPr sz="1400" b="1" spc="-25" dirty="0">
                          <a:latin typeface="メイリオ"/>
                          <a:cs typeface="メイリオ"/>
                        </a:rPr>
                        <a:t>語学</a:t>
                      </a:r>
                      <a:endParaRPr sz="1400">
                        <a:latin typeface="メイリオ"/>
                        <a:cs typeface="メイリオ"/>
                      </a:endParaRPr>
                    </a:p>
                  </a:txBody>
                  <a:tcPr marL="0" marR="0" marT="2603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tc>
                  <a:txBody>
                    <a:bodyPr/>
                    <a:lstStyle/>
                    <a:p>
                      <a:pPr marL="92075">
                        <a:lnSpc>
                          <a:spcPct val="100000"/>
                        </a:lnSpc>
                        <a:spcBef>
                          <a:spcPts val="204"/>
                        </a:spcBef>
                      </a:pPr>
                      <a:r>
                        <a:rPr sz="1400" b="1" spc="60" dirty="0">
                          <a:latin typeface="メイリオ"/>
                          <a:cs typeface="メイリオ"/>
                        </a:rPr>
                        <a:t>言語・文法など</a:t>
                      </a:r>
                      <a:endParaRPr sz="1400" dirty="0">
                        <a:latin typeface="メイリオ"/>
                        <a:cs typeface="メイリオ"/>
                      </a:endParaRPr>
                    </a:p>
                  </a:txBody>
                  <a:tcPr marL="0" marR="0" marT="2603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extLst>
                  <a:ext uri="{0D108BD9-81ED-4DB2-BD59-A6C34878D82A}">
                    <a16:rowId xmlns:a16="http://schemas.microsoft.com/office/drawing/2014/main" val="10010"/>
                  </a:ext>
                </a:extLst>
              </a:tr>
            </a:tbl>
          </a:graphicData>
        </a:graphic>
      </p:graphicFrame>
      <p:sp>
        <p:nvSpPr>
          <p:cNvPr id="15" name="object 15"/>
          <p:cNvSpPr/>
          <p:nvPr/>
        </p:nvSpPr>
        <p:spPr>
          <a:xfrm>
            <a:off x="5733288" y="2490217"/>
            <a:ext cx="617220" cy="78105"/>
          </a:xfrm>
          <a:custGeom>
            <a:avLst/>
            <a:gdLst/>
            <a:ahLst/>
            <a:cxnLst/>
            <a:rect l="l" t="t" r="r" b="b"/>
            <a:pathLst>
              <a:path w="617220" h="78105">
                <a:moveTo>
                  <a:pt x="617220" y="0"/>
                </a:moveTo>
                <a:lnTo>
                  <a:pt x="0" y="0"/>
                </a:lnTo>
                <a:lnTo>
                  <a:pt x="0" y="77724"/>
                </a:lnTo>
                <a:lnTo>
                  <a:pt x="617220" y="77724"/>
                </a:lnTo>
                <a:lnTo>
                  <a:pt x="617220" y="0"/>
                </a:lnTo>
                <a:close/>
              </a:path>
            </a:pathLst>
          </a:custGeom>
          <a:solidFill>
            <a:srgbClr val="5B9BD4"/>
          </a:solidFill>
        </p:spPr>
        <p:txBody>
          <a:bodyPr wrap="square" lIns="0" tIns="0" rIns="0" bIns="0" rtlCol="0"/>
          <a:lstStyle/>
          <a:p>
            <a:endParaRPr/>
          </a:p>
        </p:txBody>
      </p:sp>
      <p:pic>
        <p:nvPicPr>
          <p:cNvPr id="16" name="object 16"/>
          <p:cNvPicPr/>
          <p:nvPr/>
        </p:nvPicPr>
        <p:blipFill>
          <a:blip r:embed="rId3" cstate="print"/>
          <a:stretch>
            <a:fillRect/>
          </a:stretch>
        </p:blipFill>
        <p:spPr>
          <a:xfrm>
            <a:off x="980334" y="3609671"/>
            <a:ext cx="1318945" cy="1318945"/>
          </a:xfrm>
          <a:prstGeom prst="rect">
            <a:avLst/>
          </a:prstGeom>
        </p:spPr>
      </p:pic>
      <p:pic>
        <p:nvPicPr>
          <p:cNvPr id="17" name="object 17"/>
          <p:cNvPicPr/>
          <p:nvPr/>
        </p:nvPicPr>
        <p:blipFill>
          <a:blip r:embed="rId4" cstate="print"/>
          <a:stretch>
            <a:fillRect/>
          </a:stretch>
        </p:blipFill>
        <p:spPr>
          <a:xfrm>
            <a:off x="3025622" y="3539122"/>
            <a:ext cx="1181404" cy="1389888"/>
          </a:xfrm>
          <a:prstGeom prst="rect">
            <a:avLst/>
          </a:prstGeom>
        </p:spPr>
      </p:pic>
      <p:pic>
        <p:nvPicPr>
          <p:cNvPr id="18" name="object 18"/>
          <p:cNvPicPr/>
          <p:nvPr/>
        </p:nvPicPr>
        <p:blipFill>
          <a:blip r:embed="rId5" cstate="print"/>
          <a:stretch>
            <a:fillRect/>
          </a:stretch>
        </p:blipFill>
        <p:spPr>
          <a:xfrm>
            <a:off x="4876038" y="3589298"/>
            <a:ext cx="1714500" cy="1390649"/>
          </a:xfrm>
          <a:prstGeom prst="rect">
            <a:avLst/>
          </a:prstGeom>
        </p:spPr>
      </p:pic>
      <p:sp>
        <p:nvSpPr>
          <p:cNvPr id="23" name="正方形/長方形 22">
            <a:extLst>
              <a:ext uri="{FF2B5EF4-FFF2-40B4-BE49-F238E27FC236}">
                <a16:creationId xmlns:a16="http://schemas.microsoft.com/office/drawing/2014/main" id="{E2D5D7CA-1E2E-532F-C0FA-E88CDF40FCB7}"/>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リザーバー計算機の応用</a:t>
            </a:r>
          </a:p>
        </p:txBody>
      </p:sp>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p:nvPr/>
        </p:nvSpPr>
        <p:spPr>
          <a:xfrm>
            <a:off x="1578103" y="1811273"/>
            <a:ext cx="8682355" cy="2065020"/>
          </a:xfrm>
          <a:custGeom>
            <a:avLst/>
            <a:gdLst/>
            <a:ahLst/>
            <a:cxnLst/>
            <a:rect l="l" t="t" r="r" b="b"/>
            <a:pathLst>
              <a:path w="8682355" h="2065020">
                <a:moveTo>
                  <a:pt x="0" y="2065020"/>
                </a:moveTo>
                <a:lnTo>
                  <a:pt x="8682228" y="2065020"/>
                </a:lnTo>
                <a:lnTo>
                  <a:pt x="8682228" y="0"/>
                </a:lnTo>
                <a:lnTo>
                  <a:pt x="0" y="0"/>
                </a:lnTo>
                <a:lnTo>
                  <a:pt x="0" y="2065020"/>
                </a:lnTo>
                <a:close/>
              </a:path>
            </a:pathLst>
          </a:custGeom>
          <a:ln w="38099">
            <a:solidFill>
              <a:srgbClr val="000000"/>
            </a:solidFill>
          </a:ln>
        </p:spPr>
        <p:txBody>
          <a:bodyPr wrap="square" lIns="0" tIns="0" rIns="0" bIns="0" rtlCol="0"/>
          <a:lstStyle/>
          <a:p>
            <a:endParaRPr/>
          </a:p>
        </p:txBody>
      </p:sp>
      <p:sp>
        <p:nvSpPr>
          <p:cNvPr id="4" name="object 4"/>
          <p:cNvSpPr txBox="1"/>
          <p:nvPr/>
        </p:nvSpPr>
        <p:spPr>
          <a:xfrm>
            <a:off x="1602739" y="-108815"/>
            <a:ext cx="7726680" cy="1302385"/>
          </a:xfrm>
          <a:prstGeom prst="rect">
            <a:avLst/>
          </a:prstGeom>
        </p:spPr>
        <p:txBody>
          <a:bodyPr vert="horz" wrap="square" lIns="0" tIns="161290" rIns="0" bIns="0" rtlCol="0">
            <a:spAutoFit/>
          </a:bodyPr>
          <a:lstStyle/>
          <a:p>
            <a:pPr marL="12700">
              <a:spcBef>
                <a:spcPts val="1270"/>
              </a:spcBef>
            </a:pPr>
            <a:r>
              <a:rPr sz="3200" b="1" dirty="0">
                <a:solidFill>
                  <a:srgbClr val="1F3863"/>
                </a:solidFill>
                <a:latin typeface="メイリオ"/>
                <a:cs typeface="メイリオ"/>
              </a:rPr>
              <a:t>応用</a:t>
            </a:r>
            <a:r>
              <a:rPr sz="3200" b="1" spc="-10" dirty="0">
                <a:solidFill>
                  <a:srgbClr val="1F3863"/>
                </a:solidFill>
                <a:latin typeface="Century Gothic"/>
                <a:cs typeface="Century Gothic"/>
              </a:rPr>
              <a:t>:</a:t>
            </a:r>
            <a:r>
              <a:rPr sz="3200" b="1" spc="-5" dirty="0">
                <a:solidFill>
                  <a:srgbClr val="1F3863"/>
                </a:solidFill>
                <a:latin typeface="メイリオ"/>
                <a:cs typeface="メイリオ"/>
              </a:rPr>
              <a:t>光を利用した</a:t>
            </a:r>
            <a:r>
              <a:rPr sz="3200" b="1" spc="-30" dirty="0">
                <a:solidFill>
                  <a:srgbClr val="1F3863"/>
                </a:solidFill>
                <a:latin typeface="Century Gothic"/>
                <a:cs typeface="Century Gothic"/>
              </a:rPr>
              <a:t>RC</a:t>
            </a:r>
            <a:r>
              <a:rPr sz="3200" b="1" spc="-10" dirty="0">
                <a:solidFill>
                  <a:srgbClr val="1F3863"/>
                </a:solidFill>
                <a:latin typeface="メイリオ"/>
                <a:cs typeface="メイリオ"/>
              </a:rPr>
              <a:t>用デバイス</a:t>
            </a:r>
            <a:endParaRPr sz="3200" dirty="0">
              <a:latin typeface="メイリオ"/>
              <a:cs typeface="メイリオ"/>
            </a:endParaRPr>
          </a:p>
          <a:p>
            <a:pPr marL="169545" marR="5080">
              <a:lnSpc>
                <a:spcPct val="102800"/>
              </a:lnSpc>
              <a:spcBef>
                <a:spcPts val="600"/>
              </a:spcBef>
            </a:pPr>
            <a:r>
              <a:rPr spc="-5" dirty="0">
                <a:latin typeface="メイリオ"/>
                <a:cs typeface="メイリオ"/>
              </a:rPr>
              <a:t>非線形な応答を示すような物理現象はリザバーコンピューティングに応用</a:t>
            </a:r>
            <a:r>
              <a:rPr spc="-10" dirty="0">
                <a:latin typeface="メイリオ"/>
                <a:cs typeface="メイリオ"/>
              </a:rPr>
              <a:t>することができる！</a:t>
            </a:r>
            <a:endParaRPr dirty="0">
              <a:latin typeface="メイリオ"/>
              <a:cs typeface="メイリオ"/>
            </a:endParaRPr>
          </a:p>
        </p:txBody>
      </p:sp>
      <p:sp>
        <p:nvSpPr>
          <p:cNvPr id="5" name="object 5"/>
          <p:cNvSpPr txBox="1"/>
          <p:nvPr/>
        </p:nvSpPr>
        <p:spPr>
          <a:xfrm>
            <a:off x="1759712" y="1203452"/>
            <a:ext cx="8324215" cy="299720"/>
          </a:xfrm>
          <a:prstGeom prst="rect">
            <a:avLst/>
          </a:prstGeom>
        </p:spPr>
        <p:txBody>
          <a:bodyPr vert="horz" wrap="square" lIns="0" tIns="12700" rIns="0" bIns="0" rtlCol="0">
            <a:spAutoFit/>
          </a:bodyPr>
          <a:lstStyle/>
          <a:p>
            <a:pPr marL="12700">
              <a:spcBef>
                <a:spcPts val="100"/>
              </a:spcBef>
            </a:pPr>
            <a:r>
              <a:rPr dirty="0">
                <a:latin typeface="Century Gothic"/>
                <a:cs typeface="Century Gothic"/>
              </a:rPr>
              <a:t>→</a:t>
            </a:r>
            <a:r>
              <a:rPr dirty="0">
                <a:latin typeface="メイリオ"/>
                <a:cs typeface="メイリオ"/>
              </a:rPr>
              <a:t>光を利用すれば</a:t>
            </a:r>
            <a:r>
              <a:rPr b="1" spc="-5" dirty="0">
                <a:solidFill>
                  <a:srgbClr val="FF0000"/>
                </a:solidFill>
                <a:latin typeface="メイリオ"/>
                <a:cs typeface="メイリオ"/>
              </a:rPr>
              <a:t>電気回路よりも遥かに高速かつ消費電力の少ない</a:t>
            </a:r>
            <a:r>
              <a:rPr dirty="0">
                <a:latin typeface="メイリオ"/>
                <a:cs typeface="メイリオ"/>
              </a:rPr>
              <a:t>端末が作れる</a:t>
            </a:r>
            <a:r>
              <a:rPr spc="-50" dirty="0">
                <a:latin typeface="Century Gothic"/>
                <a:cs typeface="Century Gothic"/>
              </a:rPr>
              <a:t>!</a:t>
            </a:r>
            <a:endParaRPr>
              <a:latin typeface="Century Gothic"/>
              <a:cs typeface="Century Gothic"/>
            </a:endParaRPr>
          </a:p>
        </p:txBody>
      </p:sp>
      <p:sp>
        <p:nvSpPr>
          <p:cNvPr id="7" name="object 7"/>
          <p:cNvSpPr txBox="1"/>
          <p:nvPr/>
        </p:nvSpPr>
        <p:spPr>
          <a:xfrm>
            <a:off x="1718157" y="2043429"/>
            <a:ext cx="2660650" cy="299720"/>
          </a:xfrm>
          <a:prstGeom prst="rect">
            <a:avLst/>
          </a:prstGeom>
        </p:spPr>
        <p:txBody>
          <a:bodyPr vert="horz" wrap="square" lIns="0" tIns="12700" rIns="0" bIns="0" rtlCol="0">
            <a:spAutoFit/>
          </a:bodyPr>
          <a:lstStyle/>
          <a:p>
            <a:pPr>
              <a:spcBef>
                <a:spcPts val="100"/>
              </a:spcBef>
            </a:pPr>
            <a:r>
              <a:rPr b="1" dirty="0">
                <a:latin typeface="メイリオ"/>
                <a:cs typeface="メイリオ"/>
              </a:rPr>
              <a:t>（例）光集積回路</a:t>
            </a:r>
            <a:r>
              <a:rPr b="1" spc="-20" dirty="0">
                <a:latin typeface="メイリオ"/>
                <a:cs typeface="メイリオ"/>
              </a:rPr>
              <a:t>（</a:t>
            </a:r>
            <a:r>
              <a:rPr b="1" spc="-20" dirty="0">
                <a:latin typeface="Century Gothic"/>
                <a:cs typeface="Century Gothic"/>
              </a:rPr>
              <a:t>NTT</a:t>
            </a:r>
            <a:r>
              <a:rPr b="1" spc="-20" dirty="0">
                <a:latin typeface="メイリオ"/>
                <a:cs typeface="メイリオ"/>
              </a:rPr>
              <a:t>）</a:t>
            </a:r>
            <a:endParaRPr>
              <a:latin typeface="メイリオ"/>
              <a:cs typeface="メイリオ"/>
            </a:endParaRPr>
          </a:p>
        </p:txBody>
      </p:sp>
      <p:sp>
        <p:nvSpPr>
          <p:cNvPr id="8" name="object 8"/>
          <p:cNvSpPr txBox="1"/>
          <p:nvPr/>
        </p:nvSpPr>
        <p:spPr>
          <a:xfrm>
            <a:off x="1805431" y="4332478"/>
            <a:ext cx="3683000" cy="299720"/>
          </a:xfrm>
          <a:prstGeom prst="rect">
            <a:avLst/>
          </a:prstGeom>
        </p:spPr>
        <p:txBody>
          <a:bodyPr vert="horz" wrap="square" lIns="0" tIns="12700" rIns="0" bIns="0" rtlCol="0">
            <a:spAutoFit/>
          </a:bodyPr>
          <a:lstStyle/>
          <a:p>
            <a:pPr marL="12700">
              <a:spcBef>
                <a:spcPts val="100"/>
              </a:spcBef>
            </a:pPr>
            <a:r>
              <a:rPr b="1" dirty="0">
                <a:latin typeface="メイリオ"/>
                <a:cs typeface="メイリオ"/>
              </a:rPr>
              <a:t>（例）遅延レーザー系（埼玉大学</a:t>
            </a:r>
            <a:r>
              <a:rPr b="1" spc="-50" dirty="0">
                <a:latin typeface="メイリオ"/>
                <a:cs typeface="メイリオ"/>
              </a:rPr>
              <a:t>）</a:t>
            </a:r>
            <a:endParaRPr>
              <a:latin typeface="メイリオ"/>
              <a:cs typeface="メイリオ"/>
            </a:endParaRPr>
          </a:p>
        </p:txBody>
      </p:sp>
      <p:sp>
        <p:nvSpPr>
          <p:cNvPr id="9" name="object 9"/>
          <p:cNvSpPr txBox="1"/>
          <p:nvPr/>
        </p:nvSpPr>
        <p:spPr>
          <a:xfrm>
            <a:off x="6291072" y="4605528"/>
            <a:ext cx="4224655" cy="1489510"/>
          </a:xfrm>
          <a:prstGeom prst="rect">
            <a:avLst/>
          </a:prstGeom>
          <a:ln w="9144">
            <a:solidFill>
              <a:srgbClr val="5B9BD4"/>
            </a:solidFill>
          </a:ln>
        </p:spPr>
        <p:txBody>
          <a:bodyPr vert="horz" wrap="square" lIns="0" tIns="12065" rIns="0" bIns="0" rtlCol="0">
            <a:spAutoFit/>
          </a:bodyPr>
          <a:lstStyle/>
          <a:p>
            <a:pPr marL="92075">
              <a:spcBef>
                <a:spcPts val="95"/>
              </a:spcBef>
            </a:pPr>
            <a:r>
              <a:rPr sz="2400" b="1" spc="-10" dirty="0">
                <a:latin typeface="メイリオ"/>
                <a:cs typeface="メイリオ"/>
              </a:rPr>
              <a:t>低消費電力かつ</a:t>
            </a:r>
            <a:endParaRPr sz="2400">
              <a:latin typeface="メイリオ"/>
              <a:cs typeface="メイリオ"/>
            </a:endParaRPr>
          </a:p>
          <a:p>
            <a:pPr marL="92075" marR="539115"/>
            <a:r>
              <a:rPr sz="2400" b="1" spc="-5" dirty="0">
                <a:latin typeface="メイリオ"/>
                <a:cs typeface="メイリオ"/>
              </a:rPr>
              <a:t>超高速</a:t>
            </a:r>
            <a:r>
              <a:rPr sz="2400" b="1" spc="-10" dirty="0">
                <a:latin typeface="Century Gothic"/>
                <a:cs typeface="Century Gothic"/>
              </a:rPr>
              <a:t>(</a:t>
            </a:r>
            <a:r>
              <a:rPr sz="2400" b="1" dirty="0">
                <a:latin typeface="メイリオ"/>
                <a:cs typeface="メイリオ"/>
              </a:rPr>
              <a:t>ナノ秒オーダー</a:t>
            </a:r>
            <a:r>
              <a:rPr sz="2400" b="1" spc="-10" dirty="0">
                <a:latin typeface="Century Gothic"/>
                <a:cs typeface="Century Gothic"/>
              </a:rPr>
              <a:t>)</a:t>
            </a:r>
            <a:r>
              <a:rPr sz="2400" b="1" spc="-50" dirty="0">
                <a:latin typeface="メイリオ"/>
                <a:cs typeface="メイリオ"/>
              </a:rPr>
              <a:t>で</a:t>
            </a:r>
            <a:r>
              <a:rPr sz="2400" b="1" spc="-5" dirty="0">
                <a:latin typeface="メイリオ"/>
                <a:cs typeface="メイリオ"/>
              </a:rPr>
              <a:t>計算ができる次世代の</a:t>
            </a:r>
            <a:endParaRPr sz="2400">
              <a:latin typeface="メイリオ"/>
              <a:cs typeface="メイリオ"/>
            </a:endParaRPr>
          </a:p>
          <a:p>
            <a:pPr marL="92075"/>
            <a:r>
              <a:rPr sz="2400" b="1" spc="-5" dirty="0">
                <a:latin typeface="メイリオ"/>
                <a:cs typeface="メイリオ"/>
              </a:rPr>
              <a:t>情報処理端末として期待！</a:t>
            </a:r>
            <a:endParaRPr sz="2400">
              <a:latin typeface="メイリオ"/>
              <a:cs typeface="メイリオ"/>
            </a:endParaRPr>
          </a:p>
        </p:txBody>
      </p:sp>
      <p:grpSp>
        <p:nvGrpSpPr>
          <p:cNvPr id="10" name="object 10"/>
          <p:cNvGrpSpPr/>
          <p:nvPr/>
        </p:nvGrpSpPr>
        <p:grpSpPr>
          <a:xfrm>
            <a:off x="3163824" y="2529840"/>
            <a:ext cx="1748789" cy="1030605"/>
            <a:chOff x="1639823" y="2529839"/>
            <a:chExt cx="1748789" cy="1030605"/>
          </a:xfrm>
        </p:grpSpPr>
        <p:sp>
          <p:nvSpPr>
            <p:cNvPr id="11" name="object 11"/>
            <p:cNvSpPr/>
            <p:nvPr/>
          </p:nvSpPr>
          <p:spPr>
            <a:xfrm>
              <a:off x="1639824" y="2529839"/>
              <a:ext cx="1748789" cy="1030605"/>
            </a:xfrm>
            <a:custGeom>
              <a:avLst/>
              <a:gdLst/>
              <a:ahLst/>
              <a:cxnLst/>
              <a:rect l="l" t="t" r="r" b="b"/>
              <a:pathLst>
                <a:path w="1748789" h="1030604">
                  <a:moveTo>
                    <a:pt x="1748536" y="931164"/>
                  </a:moveTo>
                  <a:lnTo>
                    <a:pt x="1735836" y="924814"/>
                  </a:lnTo>
                  <a:lnTo>
                    <a:pt x="1672336" y="893064"/>
                  </a:lnTo>
                  <a:lnTo>
                    <a:pt x="1672336" y="924814"/>
                  </a:lnTo>
                  <a:lnTo>
                    <a:pt x="259080" y="924814"/>
                  </a:lnTo>
                  <a:lnTo>
                    <a:pt x="255066" y="76327"/>
                  </a:lnTo>
                  <a:lnTo>
                    <a:pt x="287020" y="76327"/>
                  </a:lnTo>
                  <a:lnTo>
                    <a:pt x="280530" y="63500"/>
                  </a:lnTo>
                  <a:lnTo>
                    <a:pt x="248412" y="0"/>
                  </a:lnTo>
                  <a:lnTo>
                    <a:pt x="210693" y="76327"/>
                  </a:lnTo>
                  <a:lnTo>
                    <a:pt x="242366" y="76327"/>
                  </a:lnTo>
                  <a:lnTo>
                    <a:pt x="246380" y="924814"/>
                  </a:lnTo>
                  <a:lnTo>
                    <a:pt x="0" y="924814"/>
                  </a:lnTo>
                  <a:lnTo>
                    <a:pt x="0" y="937514"/>
                  </a:lnTo>
                  <a:lnTo>
                    <a:pt x="246443" y="937514"/>
                  </a:lnTo>
                  <a:lnTo>
                    <a:pt x="246888" y="1030351"/>
                  </a:lnTo>
                  <a:lnTo>
                    <a:pt x="259588" y="1030351"/>
                  </a:lnTo>
                  <a:lnTo>
                    <a:pt x="259143" y="937514"/>
                  </a:lnTo>
                  <a:lnTo>
                    <a:pt x="1672336" y="937514"/>
                  </a:lnTo>
                  <a:lnTo>
                    <a:pt x="1672336" y="969264"/>
                  </a:lnTo>
                  <a:lnTo>
                    <a:pt x="1735836" y="937514"/>
                  </a:lnTo>
                  <a:lnTo>
                    <a:pt x="1748536" y="931164"/>
                  </a:lnTo>
                  <a:close/>
                </a:path>
              </a:pathLst>
            </a:custGeom>
            <a:solidFill>
              <a:srgbClr val="000000"/>
            </a:solidFill>
          </p:spPr>
          <p:txBody>
            <a:bodyPr wrap="square" lIns="0" tIns="0" rIns="0" bIns="0" rtlCol="0"/>
            <a:lstStyle/>
            <a:p>
              <a:endParaRPr/>
            </a:p>
          </p:txBody>
        </p:sp>
        <p:sp>
          <p:nvSpPr>
            <p:cNvPr id="12" name="object 12"/>
            <p:cNvSpPr/>
            <p:nvPr/>
          </p:nvSpPr>
          <p:spPr>
            <a:xfrm>
              <a:off x="1914905" y="2731769"/>
              <a:ext cx="1195070" cy="708660"/>
            </a:xfrm>
            <a:custGeom>
              <a:avLst/>
              <a:gdLst/>
              <a:ahLst/>
              <a:cxnLst/>
              <a:rect l="l" t="t" r="r" b="b"/>
              <a:pathLst>
                <a:path w="1195070" h="708660">
                  <a:moveTo>
                    <a:pt x="0" y="708659"/>
                  </a:moveTo>
                  <a:lnTo>
                    <a:pt x="6457" y="659879"/>
                  </a:lnTo>
                  <a:lnTo>
                    <a:pt x="13284" y="611342"/>
                  </a:lnTo>
                  <a:lnTo>
                    <a:pt x="20851" y="563287"/>
                  </a:lnTo>
                  <a:lnTo>
                    <a:pt x="29529" y="515954"/>
                  </a:lnTo>
                  <a:lnTo>
                    <a:pt x="39688" y="469583"/>
                  </a:lnTo>
                  <a:lnTo>
                    <a:pt x="51698" y="424412"/>
                  </a:lnTo>
                  <a:lnTo>
                    <a:pt x="65928" y="380682"/>
                  </a:lnTo>
                  <a:lnTo>
                    <a:pt x="82750" y="338631"/>
                  </a:lnTo>
                  <a:lnTo>
                    <a:pt x="102533" y="298499"/>
                  </a:lnTo>
                  <a:lnTo>
                    <a:pt x="125648" y="260525"/>
                  </a:lnTo>
                  <a:lnTo>
                    <a:pt x="152464" y="224949"/>
                  </a:lnTo>
                  <a:lnTo>
                    <a:pt x="183353" y="192010"/>
                  </a:lnTo>
                  <a:lnTo>
                    <a:pt x="218683" y="161947"/>
                  </a:lnTo>
                  <a:lnTo>
                    <a:pt x="258825" y="135000"/>
                  </a:lnTo>
                  <a:lnTo>
                    <a:pt x="327141" y="101218"/>
                  </a:lnTo>
                  <a:lnTo>
                    <a:pt x="365148" y="86820"/>
                  </a:lnTo>
                  <a:lnTo>
                    <a:pt x="405526" y="73956"/>
                  </a:lnTo>
                  <a:lnTo>
                    <a:pt x="448124" y="62531"/>
                  </a:lnTo>
                  <a:lnTo>
                    <a:pt x="492796" y="52449"/>
                  </a:lnTo>
                  <a:lnTo>
                    <a:pt x="539393" y="43613"/>
                  </a:lnTo>
                  <a:lnTo>
                    <a:pt x="587767" y="35929"/>
                  </a:lnTo>
                  <a:lnTo>
                    <a:pt x="637770" y="29300"/>
                  </a:lnTo>
                  <a:lnTo>
                    <a:pt x="689254" y="23632"/>
                  </a:lnTo>
                  <a:lnTo>
                    <a:pt x="742071" y="18827"/>
                  </a:lnTo>
                  <a:lnTo>
                    <a:pt x="796072" y="14790"/>
                  </a:lnTo>
                  <a:lnTo>
                    <a:pt x="851111" y="11426"/>
                  </a:lnTo>
                  <a:lnTo>
                    <a:pt x="907037" y="8638"/>
                  </a:lnTo>
                  <a:lnTo>
                    <a:pt x="963704" y="6332"/>
                  </a:lnTo>
                  <a:lnTo>
                    <a:pt x="1020964" y="4410"/>
                  </a:lnTo>
                  <a:lnTo>
                    <a:pt x="1078668" y="2778"/>
                  </a:lnTo>
                  <a:lnTo>
                    <a:pt x="1136667" y="1340"/>
                  </a:lnTo>
                  <a:lnTo>
                    <a:pt x="1194816" y="0"/>
                  </a:lnTo>
                </a:path>
              </a:pathLst>
            </a:custGeom>
            <a:ln w="38100">
              <a:solidFill>
                <a:srgbClr val="EC7C30"/>
              </a:solidFill>
            </a:ln>
          </p:spPr>
          <p:txBody>
            <a:bodyPr wrap="square" lIns="0" tIns="0" rIns="0" bIns="0" rtlCol="0"/>
            <a:lstStyle/>
            <a:p>
              <a:endParaRPr/>
            </a:p>
          </p:txBody>
        </p:sp>
      </p:grpSp>
      <p:sp>
        <p:nvSpPr>
          <p:cNvPr id="13" name="object 13"/>
          <p:cNvSpPr txBox="1"/>
          <p:nvPr/>
        </p:nvSpPr>
        <p:spPr>
          <a:xfrm>
            <a:off x="6188075" y="3017673"/>
            <a:ext cx="3723640" cy="645795"/>
          </a:xfrm>
          <a:prstGeom prst="rect">
            <a:avLst/>
          </a:prstGeom>
        </p:spPr>
        <p:txBody>
          <a:bodyPr vert="horz" wrap="square" lIns="0" tIns="17780" rIns="0" bIns="0" rtlCol="0">
            <a:spAutoFit/>
          </a:bodyPr>
          <a:lstStyle/>
          <a:p>
            <a:pPr marR="5080">
              <a:lnSpc>
                <a:spcPct val="103499"/>
              </a:lnSpc>
              <a:spcBef>
                <a:spcPts val="140"/>
              </a:spcBef>
            </a:pPr>
            <a:r>
              <a:rPr sz="1000" b="1" spc="-10" dirty="0">
                <a:latin typeface="ＭＳ ゴシック"/>
                <a:cs typeface="ＭＳ ゴシック"/>
              </a:rPr>
              <a:t>※</a:t>
            </a:r>
            <a:r>
              <a:rPr sz="1000" b="1" spc="-10" dirty="0">
                <a:latin typeface="Century Gothic"/>
                <a:cs typeface="Century Gothic"/>
              </a:rPr>
              <a:t>NTT</a:t>
            </a:r>
            <a:r>
              <a:rPr sz="1000" b="1" spc="-15" dirty="0">
                <a:latin typeface="メイリオ"/>
                <a:cs typeface="メイリオ"/>
              </a:rPr>
              <a:t>先端集積デバイス研究所</a:t>
            </a:r>
            <a:r>
              <a:rPr sz="1000" b="1" spc="-25" dirty="0">
                <a:latin typeface="Century Gothic"/>
                <a:cs typeface="Century Gothic"/>
              </a:rPr>
              <a:t>HP </a:t>
            </a:r>
            <a:r>
              <a:rPr sz="1000" spc="-10" dirty="0">
                <a:latin typeface="Century Gothic"/>
                <a:cs typeface="Century Gothic"/>
              </a:rPr>
              <a:t>https://</a:t>
            </a:r>
            <a:r>
              <a:rPr sz="1000" spc="-10" dirty="0">
                <a:latin typeface="Century Gothic"/>
                <a:cs typeface="Century Gothic"/>
                <a:hlinkClick r:id="rId2"/>
              </a:rPr>
              <a:t>www.ntt.co.jp/dtl/technology/pe_product-photonic-</a:t>
            </a:r>
            <a:r>
              <a:rPr sz="1000" spc="-10" dirty="0">
                <a:latin typeface="Century Gothic"/>
                <a:cs typeface="Century Gothic"/>
              </a:rPr>
              <a:t> reservoir.html</a:t>
            </a:r>
            <a:endParaRPr sz="1000">
              <a:latin typeface="Century Gothic"/>
              <a:cs typeface="Century Gothic"/>
            </a:endParaRPr>
          </a:p>
          <a:p>
            <a:pPr>
              <a:lnSpc>
                <a:spcPts val="1115"/>
              </a:lnSpc>
            </a:pPr>
            <a:r>
              <a:rPr sz="1000" b="1" dirty="0">
                <a:latin typeface="ＭＳ ゴシック"/>
                <a:cs typeface="ＭＳ ゴシック"/>
              </a:rPr>
              <a:t>※</a:t>
            </a:r>
            <a:r>
              <a:rPr sz="1000" b="1" spc="-15" dirty="0">
                <a:latin typeface="メイリオ"/>
                <a:cs typeface="メイリオ"/>
              </a:rPr>
              <a:t>ビジネスコミュニケーション</a:t>
            </a:r>
            <a:r>
              <a:rPr sz="1000" b="1" dirty="0">
                <a:latin typeface="Century Gothic"/>
                <a:cs typeface="Century Gothic"/>
              </a:rPr>
              <a:t>vol.55</a:t>
            </a:r>
            <a:r>
              <a:rPr sz="1000" b="1" spc="30" dirty="0">
                <a:latin typeface="Century Gothic"/>
                <a:cs typeface="Century Gothic"/>
              </a:rPr>
              <a:t> </a:t>
            </a:r>
            <a:r>
              <a:rPr sz="1000" b="1" dirty="0">
                <a:latin typeface="Century Gothic"/>
                <a:cs typeface="Century Gothic"/>
              </a:rPr>
              <a:t>No.6</a:t>
            </a:r>
            <a:r>
              <a:rPr sz="1000" b="1" spc="-15" dirty="0">
                <a:latin typeface="Century Gothic"/>
                <a:cs typeface="Century Gothic"/>
              </a:rPr>
              <a:t> </a:t>
            </a:r>
            <a:r>
              <a:rPr sz="1000" b="1" spc="-20" dirty="0">
                <a:latin typeface="Century Gothic"/>
                <a:cs typeface="Century Gothic"/>
              </a:rPr>
              <a:t>p2-</a:t>
            </a:r>
            <a:r>
              <a:rPr sz="1000" b="1" spc="-10" dirty="0">
                <a:latin typeface="Century Gothic"/>
                <a:cs typeface="Century Gothic"/>
              </a:rPr>
              <a:t>p3(2018)</a:t>
            </a:r>
            <a:endParaRPr sz="1000">
              <a:latin typeface="Century Gothic"/>
              <a:cs typeface="Century Gothic"/>
            </a:endParaRPr>
          </a:p>
        </p:txBody>
      </p:sp>
      <p:sp>
        <p:nvSpPr>
          <p:cNvPr id="14" name="object 14"/>
          <p:cNvSpPr txBox="1"/>
          <p:nvPr/>
        </p:nvSpPr>
        <p:spPr>
          <a:xfrm>
            <a:off x="4792979" y="1954784"/>
            <a:ext cx="5270500" cy="861060"/>
          </a:xfrm>
          <a:prstGeom prst="rect">
            <a:avLst/>
          </a:prstGeom>
        </p:spPr>
        <p:txBody>
          <a:bodyPr vert="horz" wrap="square" lIns="0" tIns="12700" rIns="0" bIns="0" rtlCol="0">
            <a:spAutoFit/>
          </a:bodyPr>
          <a:lstStyle/>
          <a:p>
            <a:pPr marL="558165">
              <a:spcBef>
                <a:spcPts val="100"/>
              </a:spcBef>
            </a:pPr>
            <a:r>
              <a:rPr b="1" spc="-5" dirty="0">
                <a:latin typeface="メイリオ"/>
                <a:cs typeface="メイリオ"/>
              </a:rPr>
              <a:t>半導体光増幅器の飽和を利用！</a:t>
            </a:r>
            <a:endParaRPr>
              <a:latin typeface="メイリオ"/>
              <a:cs typeface="メイリオ"/>
            </a:endParaRPr>
          </a:p>
          <a:p>
            <a:pPr>
              <a:spcBef>
                <a:spcPts val="35"/>
              </a:spcBef>
            </a:pPr>
            <a:r>
              <a:rPr spc="-5" dirty="0">
                <a:latin typeface="メイリオ"/>
                <a:cs typeface="メイリオ"/>
              </a:rPr>
              <a:t>光集積回路内でナノ秒スケールで高速に計算可能！</a:t>
            </a:r>
            <a:endParaRPr>
              <a:latin typeface="メイリオ"/>
              <a:cs typeface="メイリオ"/>
            </a:endParaRPr>
          </a:p>
          <a:p>
            <a:pPr>
              <a:spcBef>
                <a:spcPts val="60"/>
              </a:spcBef>
            </a:pPr>
            <a:r>
              <a:rPr dirty="0">
                <a:latin typeface="メイリオ"/>
                <a:cs typeface="メイリオ"/>
              </a:rPr>
              <a:t>（理論上は電気回路より遥かに高速・省電力</a:t>
            </a:r>
            <a:r>
              <a:rPr spc="-50" dirty="0">
                <a:latin typeface="メイリオ"/>
                <a:cs typeface="メイリオ"/>
              </a:rPr>
              <a:t>）</a:t>
            </a:r>
            <a:endParaRPr>
              <a:latin typeface="メイリオ"/>
              <a:cs typeface="メイリオ"/>
            </a:endParaRPr>
          </a:p>
        </p:txBody>
      </p:sp>
      <p:sp>
        <p:nvSpPr>
          <p:cNvPr id="15" name="object 15"/>
          <p:cNvSpPr txBox="1"/>
          <p:nvPr/>
        </p:nvSpPr>
        <p:spPr>
          <a:xfrm>
            <a:off x="1981200" y="5841492"/>
            <a:ext cx="980440" cy="296235"/>
          </a:xfrm>
          <a:prstGeom prst="rect">
            <a:avLst/>
          </a:prstGeom>
          <a:ln w="9143">
            <a:solidFill>
              <a:srgbClr val="000000"/>
            </a:solidFill>
          </a:ln>
        </p:spPr>
        <p:txBody>
          <a:bodyPr vert="horz" wrap="square" lIns="0" tIns="19050" rIns="0" bIns="0" rtlCol="0">
            <a:spAutoFit/>
          </a:bodyPr>
          <a:lstStyle/>
          <a:p>
            <a:pPr marL="91440">
              <a:spcBef>
                <a:spcPts val="150"/>
              </a:spcBef>
            </a:pPr>
            <a:r>
              <a:rPr spc="-20" dirty="0">
                <a:latin typeface="メイリオ"/>
                <a:cs typeface="メイリオ"/>
              </a:rPr>
              <a:t>レーザ</a:t>
            </a:r>
            <a:endParaRPr>
              <a:latin typeface="メイリオ"/>
              <a:cs typeface="メイリオ"/>
            </a:endParaRPr>
          </a:p>
        </p:txBody>
      </p:sp>
      <p:grpSp>
        <p:nvGrpSpPr>
          <p:cNvPr id="16" name="object 16"/>
          <p:cNvGrpSpPr/>
          <p:nvPr/>
        </p:nvGrpSpPr>
        <p:grpSpPr>
          <a:xfrm>
            <a:off x="3037333" y="5778754"/>
            <a:ext cx="1052195" cy="518795"/>
            <a:chOff x="1513332" y="5778753"/>
            <a:chExt cx="1052195" cy="518795"/>
          </a:xfrm>
        </p:grpSpPr>
        <p:sp>
          <p:nvSpPr>
            <p:cNvPr id="17" name="object 17"/>
            <p:cNvSpPr/>
            <p:nvPr/>
          </p:nvSpPr>
          <p:spPr>
            <a:xfrm>
              <a:off x="1513332" y="5785103"/>
              <a:ext cx="1045844" cy="506095"/>
            </a:xfrm>
            <a:custGeom>
              <a:avLst/>
              <a:gdLst/>
              <a:ahLst/>
              <a:cxnLst/>
              <a:rect l="l" t="t" r="r" b="b"/>
              <a:pathLst>
                <a:path w="1045844" h="506095">
                  <a:moveTo>
                    <a:pt x="667004" y="156972"/>
                  </a:moveTo>
                  <a:lnTo>
                    <a:pt x="654304" y="150622"/>
                  </a:lnTo>
                  <a:lnTo>
                    <a:pt x="590804" y="118872"/>
                  </a:lnTo>
                  <a:lnTo>
                    <a:pt x="590804" y="150622"/>
                  </a:lnTo>
                  <a:lnTo>
                    <a:pt x="0" y="150622"/>
                  </a:lnTo>
                  <a:lnTo>
                    <a:pt x="0" y="163322"/>
                  </a:lnTo>
                  <a:lnTo>
                    <a:pt x="590804" y="163322"/>
                  </a:lnTo>
                  <a:lnTo>
                    <a:pt x="590804" y="195072"/>
                  </a:lnTo>
                  <a:lnTo>
                    <a:pt x="654304" y="163322"/>
                  </a:lnTo>
                  <a:lnTo>
                    <a:pt x="667004" y="156972"/>
                  </a:lnTo>
                  <a:close/>
                </a:path>
                <a:path w="1045844" h="506095">
                  <a:moveTo>
                    <a:pt x="1045464" y="0"/>
                  </a:moveTo>
                  <a:lnTo>
                    <a:pt x="984504" y="0"/>
                  </a:lnTo>
                  <a:lnTo>
                    <a:pt x="984504" y="505968"/>
                  </a:lnTo>
                  <a:lnTo>
                    <a:pt x="1045464" y="505968"/>
                  </a:lnTo>
                  <a:lnTo>
                    <a:pt x="1045464" y="0"/>
                  </a:lnTo>
                  <a:close/>
                </a:path>
              </a:pathLst>
            </a:custGeom>
            <a:solidFill>
              <a:srgbClr val="000000"/>
            </a:solidFill>
          </p:spPr>
          <p:txBody>
            <a:bodyPr wrap="square" lIns="0" tIns="0" rIns="0" bIns="0" rtlCol="0"/>
            <a:lstStyle/>
            <a:p>
              <a:endParaRPr/>
            </a:p>
          </p:txBody>
        </p:sp>
        <p:sp>
          <p:nvSpPr>
            <p:cNvPr id="18" name="object 18"/>
            <p:cNvSpPr/>
            <p:nvPr/>
          </p:nvSpPr>
          <p:spPr>
            <a:xfrm>
              <a:off x="2497836" y="5785103"/>
              <a:ext cx="60960" cy="506095"/>
            </a:xfrm>
            <a:custGeom>
              <a:avLst/>
              <a:gdLst/>
              <a:ahLst/>
              <a:cxnLst/>
              <a:rect l="l" t="t" r="r" b="b"/>
              <a:pathLst>
                <a:path w="60960" h="506095">
                  <a:moveTo>
                    <a:pt x="0" y="505968"/>
                  </a:moveTo>
                  <a:lnTo>
                    <a:pt x="60960" y="505968"/>
                  </a:lnTo>
                  <a:lnTo>
                    <a:pt x="60960" y="0"/>
                  </a:lnTo>
                  <a:lnTo>
                    <a:pt x="0" y="0"/>
                  </a:lnTo>
                  <a:lnTo>
                    <a:pt x="0" y="505968"/>
                  </a:lnTo>
                  <a:close/>
                </a:path>
              </a:pathLst>
            </a:custGeom>
            <a:ln w="12192">
              <a:solidFill>
                <a:srgbClr val="000000"/>
              </a:solidFill>
            </a:ln>
          </p:spPr>
          <p:txBody>
            <a:bodyPr wrap="square" lIns="0" tIns="0" rIns="0" bIns="0" rtlCol="0"/>
            <a:lstStyle/>
            <a:p>
              <a:endParaRPr/>
            </a:p>
          </p:txBody>
        </p:sp>
      </p:grpSp>
      <p:sp>
        <p:nvSpPr>
          <p:cNvPr id="19" name="object 19"/>
          <p:cNvSpPr txBox="1"/>
          <p:nvPr/>
        </p:nvSpPr>
        <p:spPr>
          <a:xfrm>
            <a:off x="1578102" y="4763261"/>
            <a:ext cx="4572000" cy="2065020"/>
          </a:xfrm>
          <a:prstGeom prst="rect">
            <a:avLst/>
          </a:prstGeom>
          <a:ln w="38100">
            <a:solidFill>
              <a:srgbClr val="000000"/>
            </a:solidFill>
          </a:ln>
        </p:spPr>
        <p:txBody>
          <a:bodyPr vert="horz" wrap="square" lIns="0" tIns="93980" rIns="0" bIns="0" rtlCol="0">
            <a:spAutoFit/>
          </a:bodyPr>
          <a:lstStyle/>
          <a:p>
            <a:pPr marL="139700" marR="767080" algn="just">
              <a:lnSpc>
                <a:spcPct val="101400"/>
              </a:lnSpc>
              <a:spcBef>
                <a:spcPts val="740"/>
              </a:spcBef>
            </a:pPr>
            <a:r>
              <a:rPr spc="-10" dirty="0">
                <a:latin typeface="メイリオ"/>
                <a:cs typeface="メイリオ"/>
              </a:rPr>
              <a:t>レーザーに戻り光を合わせることに</a:t>
            </a:r>
            <a:r>
              <a:rPr spc="-5" dirty="0">
                <a:latin typeface="メイリオ"/>
                <a:cs typeface="メイリオ"/>
              </a:rPr>
              <a:t>よるナノ秒オーダーのカオスな出力</a:t>
            </a:r>
            <a:r>
              <a:rPr spc="-20" dirty="0">
                <a:latin typeface="メイリオ"/>
                <a:cs typeface="メイリオ"/>
              </a:rPr>
              <a:t>を利用！</a:t>
            </a:r>
            <a:endParaRPr>
              <a:latin typeface="メイリオ"/>
              <a:cs typeface="メイリオ"/>
            </a:endParaRPr>
          </a:p>
          <a:p>
            <a:pPr marL="1052195" algn="ctr">
              <a:spcBef>
                <a:spcPts val="1650"/>
              </a:spcBef>
            </a:pPr>
            <a:r>
              <a:rPr spc="-50" dirty="0">
                <a:latin typeface="メイリオ"/>
                <a:cs typeface="メイリオ"/>
              </a:rPr>
              <a:t>鏡</a:t>
            </a:r>
            <a:endParaRPr>
              <a:latin typeface="メイリオ"/>
              <a:cs typeface="メイリオ"/>
            </a:endParaRPr>
          </a:p>
          <a:p>
            <a:pPr marL="90170">
              <a:spcBef>
                <a:spcPts val="1685"/>
              </a:spcBef>
            </a:pPr>
            <a:r>
              <a:rPr sz="1200" b="1" dirty="0">
                <a:latin typeface="ＭＳ ゴシック"/>
                <a:cs typeface="ＭＳ ゴシック"/>
              </a:rPr>
              <a:t>※</a:t>
            </a:r>
            <a:r>
              <a:rPr sz="1200" b="1" dirty="0">
                <a:latin typeface="メイリオ"/>
                <a:cs typeface="メイリオ"/>
              </a:rPr>
              <a:t>埼玉大学内田研究室</a:t>
            </a:r>
            <a:r>
              <a:rPr sz="1200" b="1" spc="-10" dirty="0">
                <a:latin typeface="Century Gothic"/>
                <a:cs typeface="Century Gothic"/>
              </a:rPr>
              <a:t>HP</a:t>
            </a:r>
            <a:r>
              <a:rPr sz="1200" b="1" spc="-25" dirty="0">
                <a:latin typeface="メイリオ"/>
                <a:cs typeface="メイリオ"/>
              </a:rPr>
              <a:t>より</a:t>
            </a:r>
            <a:endParaRPr sz="1200">
              <a:latin typeface="メイリオ"/>
              <a:cs typeface="メイリオ"/>
            </a:endParaRPr>
          </a:p>
          <a:p>
            <a:pPr marL="90170">
              <a:spcBef>
                <a:spcPts val="110"/>
              </a:spcBef>
            </a:pPr>
            <a:r>
              <a:rPr sz="1200" b="1" spc="-10" dirty="0">
                <a:latin typeface="Century Gothic"/>
                <a:cs typeface="Century Gothic"/>
                <a:hlinkClick r:id="rId3"/>
              </a:rPr>
              <a:t>http://www.au.ics.saitama-u.ac.jp/project/detail1/?lang=ja</a:t>
            </a:r>
            <a:endParaRPr sz="1200">
              <a:latin typeface="Century Gothic"/>
              <a:cs typeface="Century Gothic"/>
            </a:endParaRPr>
          </a:p>
        </p:txBody>
      </p:sp>
      <p:sp>
        <p:nvSpPr>
          <p:cNvPr id="20" name="object 20"/>
          <p:cNvSpPr/>
          <p:nvPr/>
        </p:nvSpPr>
        <p:spPr>
          <a:xfrm>
            <a:off x="3093466" y="5955538"/>
            <a:ext cx="880110" cy="278130"/>
          </a:xfrm>
          <a:custGeom>
            <a:avLst/>
            <a:gdLst/>
            <a:ahLst/>
            <a:cxnLst/>
            <a:rect l="l" t="t" r="r" b="b"/>
            <a:pathLst>
              <a:path w="880110" h="278129">
                <a:moveTo>
                  <a:pt x="75819" y="201752"/>
                </a:moveTo>
                <a:lnTo>
                  <a:pt x="0" y="240474"/>
                </a:lnTo>
                <a:lnTo>
                  <a:pt x="76453" y="277952"/>
                </a:lnTo>
                <a:lnTo>
                  <a:pt x="76190" y="246303"/>
                </a:lnTo>
                <a:lnTo>
                  <a:pt x="63500" y="246303"/>
                </a:lnTo>
                <a:lnTo>
                  <a:pt x="63379" y="234238"/>
                </a:lnTo>
                <a:lnTo>
                  <a:pt x="63372" y="233603"/>
                </a:lnTo>
                <a:lnTo>
                  <a:pt x="76084" y="233603"/>
                </a:lnTo>
                <a:lnTo>
                  <a:pt x="75961" y="218808"/>
                </a:lnTo>
                <a:lnTo>
                  <a:pt x="75850" y="205498"/>
                </a:lnTo>
                <a:lnTo>
                  <a:pt x="75819" y="201752"/>
                </a:lnTo>
                <a:close/>
              </a:path>
              <a:path w="880110" h="278129">
                <a:moveTo>
                  <a:pt x="76084" y="233603"/>
                </a:moveTo>
                <a:lnTo>
                  <a:pt x="63372" y="233603"/>
                </a:lnTo>
                <a:lnTo>
                  <a:pt x="63379" y="234238"/>
                </a:lnTo>
                <a:lnTo>
                  <a:pt x="63500" y="246303"/>
                </a:lnTo>
                <a:lnTo>
                  <a:pt x="76190" y="246303"/>
                </a:lnTo>
                <a:lnTo>
                  <a:pt x="76084" y="233603"/>
                </a:lnTo>
                <a:close/>
              </a:path>
              <a:path w="880110" h="278129">
                <a:moveTo>
                  <a:pt x="880054" y="124104"/>
                </a:moveTo>
                <a:lnTo>
                  <a:pt x="867536" y="124104"/>
                </a:lnTo>
                <a:lnTo>
                  <a:pt x="867355" y="124912"/>
                </a:lnTo>
                <a:lnTo>
                  <a:pt x="867119" y="125677"/>
                </a:lnTo>
                <a:lnTo>
                  <a:pt x="866521" y="126860"/>
                </a:lnTo>
                <a:lnTo>
                  <a:pt x="866391" y="126860"/>
                </a:lnTo>
                <a:lnTo>
                  <a:pt x="866013" y="127660"/>
                </a:lnTo>
                <a:lnTo>
                  <a:pt x="852847" y="138595"/>
                </a:lnTo>
                <a:lnTo>
                  <a:pt x="851281" y="139560"/>
                </a:lnTo>
                <a:lnTo>
                  <a:pt x="813524" y="155232"/>
                </a:lnTo>
                <a:lnTo>
                  <a:pt x="757682" y="170395"/>
                </a:lnTo>
                <a:lnTo>
                  <a:pt x="711327" y="179946"/>
                </a:lnTo>
                <a:lnTo>
                  <a:pt x="658495" y="189064"/>
                </a:lnTo>
                <a:lnTo>
                  <a:pt x="599947" y="197612"/>
                </a:lnTo>
                <a:lnTo>
                  <a:pt x="536194" y="205498"/>
                </a:lnTo>
                <a:lnTo>
                  <a:pt x="467867" y="212534"/>
                </a:lnTo>
                <a:lnTo>
                  <a:pt x="395732" y="218808"/>
                </a:lnTo>
                <a:lnTo>
                  <a:pt x="320547" y="224040"/>
                </a:lnTo>
                <a:lnTo>
                  <a:pt x="240570" y="228422"/>
                </a:lnTo>
                <a:lnTo>
                  <a:pt x="239986" y="228422"/>
                </a:lnTo>
                <a:lnTo>
                  <a:pt x="162491" y="231470"/>
                </a:lnTo>
                <a:lnTo>
                  <a:pt x="76084" y="233603"/>
                </a:lnTo>
                <a:lnTo>
                  <a:pt x="76190" y="246303"/>
                </a:lnTo>
                <a:lnTo>
                  <a:pt x="75839" y="246303"/>
                </a:lnTo>
                <a:lnTo>
                  <a:pt x="163195" y="244157"/>
                </a:lnTo>
                <a:lnTo>
                  <a:pt x="243204" y="241007"/>
                </a:lnTo>
                <a:lnTo>
                  <a:pt x="321309" y="236715"/>
                </a:lnTo>
                <a:lnTo>
                  <a:pt x="396747" y="231470"/>
                </a:lnTo>
                <a:lnTo>
                  <a:pt x="469138" y="225171"/>
                </a:lnTo>
                <a:lnTo>
                  <a:pt x="537591" y="218109"/>
                </a:lnTo>
                <a:lnTo>
                  <a:pt x="601598" y="210197"/>
                </a:lnTo>
                <a:lnTo>
                  <a:pt x="660527" y="201599"/>
                </a:lnTo>
                <a:lnTo>
                  <a:pt x="713740" y="192417"/>
                </a:lnTo>
                <a:lnTo>
                  <a:pt x="760603" y="182753"/>
                </a:lnTo>
                <a:lnTo>
                  <a:pt x="800481" y="172466"/>
                </a:lnTo>
                <a:lnTo>
                  <a:pt x="846201" y="156425"/>
                </a:lnTo>
                <a:lnTo>
                  <a:pt x="878332" y="131648"/>
                </a:lnTo>
                <a:lnTo>
                  <a:pt x="879794" y="126860"/>
                </a:lnTo>
                <a:lnTo>
                  <a:pt x="866521" y="126860"/>
                </a:lnTo>
                <a:lnTo>
                  <a:pt x="866697" y="126382"/>
                </a:lnTo>
                <a:lnTo>
                  <a:pt x="879840" y="126382"/>
                </a:lnTo>
                <a:lnTo>
                  <a:pt x="879906" y="125677"/>
                </a:lnTo>
                <a:lnTo>
                  <a:pt x="879978" y="124912"/>
                </a:lnTo>
                <a:lnTo>
                  <a:pt x="880054" y="124104"/>
                </a:lnTo>
                <a:close/>
              </a:path>
              <a:path w="880110" h="278129">
                <a:moveTo>
                  <a:pt x="867239" y="124912"/>
                </a:moveTo>
                <a:lnTo>
                  <a:pt x="866697" y="126382"/>
                </a:lnTo>
                <a:lnTo>
                  <a:pt x="867114" y="125677"/>
                </a:lnTo>
                <a:lnTo>
                  <a:pt x="867239" y="124912"/>
                </a:lnTo>
                <a:close/>
              </a:path>
              <a:path w="880110" h="278129">
                <a:moveTo>
                  <a:pt x="880064" y="122758"/>
                </a:moveTo>
                <a:lnTo>
                  <a:pt x="867536" y="122758"/>
                </a:lnTo>
                <a:lnTo>
                  <a:pt x="867448" y="123520"/>
                </a:lnTo>
                <a:lnTo>
                  <a:pt x="867350" y="124104"/>
                </a:lnTo>
                <a:lnTo>
                  <a:pt x="867239" y="124912"/>
                </a:lnTo>
                <a:lnTo>
                  <a:pt x="867536" y="124104"/>
                </a:lnTo>
                <a:lnTo>
                  <a:pt x="880054" y="124104"/>
                </a:lnTo>
                <a:lnTo>
                  <a:pt x="880064" y="122758"/>
                </a:lnTo>
                <a:close/>
              </a:path>
              <a:path w="880110" h="278129">
                <a:moveTo>
                  <a:pt x="637159" y="0"/>
                </a:moveTo>
                <a:lnTo>
                  <a:pt x="636851" y="10248"/>
                </a:lnTo>
                <a:lnTo>
                  <a:pt x="636778" y="12700"/>
                </a:lnTo>
                <a:lnTo>
                  <a:pt x="658773" y="13360"/>
                </a:lnTo>
                <a:lnTo>
                  <a:pt x="680488" y="15343"/>
                </a:lnTo>
                <a:lnTo>
                  <a:pt x="722547" y="22669"/>
                </a:lnTo>
                <a:lnTo>
                  <a:pt x="761948" y="34023"/>
                </a:lnTo>
                <a:lnTo>
                  <a:pt x="780144" y="41070"/>
                </a:lnTo>
                <a:lnTo>
                  <a:pt x="796797" y="48514"/>
                </a:lnTo>
                <a:lnTo>
                  <a:pt x="838327" y="74968"/>
                </a:lnTo>
                <a:lnTo>
                  <a:pt x="838783" y="75399"/>
                </a:lnTo>
                <a:lnTo>
                  <a:pt x="848486" y="84505"/>
                </a:lnTo>
                <a:lnTo>
                  <a:pt x="848809" y="84860"/>
                </a:lnTo>
                <a:lnTo>
                  <a:pt x="848947" y="85064"/>
                </a:lnTo>
                <a:lnTo>
                  <a:pt x="857500" y="95441"/>
                </a:lnTo>
                <a:lnTo>
                  <a:pt x="860545" y="100098"/>
                </a:lnTo>
                <a:lnTo>
                  <a:pt x="862638" y="104170"/>
                </a:lnTo>
                <a:lnTo>
                  <a:pt x="865011" y="109821"/>
                </a:lnTo>
                <a:lnTo>
                  <a:pt x="865353" y="110947"/>
                </a:lnTo>
                <a:lnTo>
                  <a:pt x="866266" y="113550"/>
                </a:lnTo>
                <a:lnTo>
                  <a:pt x="867015" y="118125"/>
                </a:lnTo>
                <a:lnTo>
                  <a:pt x="867334" y="122758"/>
                </a:lnTo>
                <a:lnTo>
                  <a:pt x="867387" y="123520"/>
                </a:lnTo>
                <a:lnTo>
                  <a:pt x="867536" y="122758"/>
                </a:lnTo>
                <a:lnTo>
                  <a:pt x="880064" y="122758"/>
                </a:lnTo>
                <a:lnTo>
                  <a:pt x="879840" y="118991"/>
                </a:lnTo>
                <a:lnTo>
                  <a:pt x="858011" y="76111"/>
                </a:lnTo>
                <a:lnTo>
                  <a:pt x="818896" y="46012"/>
                </a:lnTo>
                <a:lnTo>
                  <a:pt x="766064" y="21983"/>
                </a:lnTo>
                <a:lnTo>
                  <a:pt x="725297" y="10248"/>
                </a:lnTo>
                <a:lnTo>
                  <a:pt x="681863" y="2705"/>
                </a:lnTo>
                <a:lnTo>
                  <a:pt x="659510" y="673"/>
                </a:lnTo>
                <a:lnTo>
                  <a:pt x="637159" y="0"/>
                </a:lnTo>
                <a:close/>
              </a:path>
            </a:pathLst>
          </a:custGeom>
          <a:solidFill>
            <a:srgbClr val="000000"/>
          </a:solidFill>
        </p:spPr>
        <p:txBody>
          <a:bodyPr wrap="square" lIns="0" tIns="0" rIns="0" bIns="0" rtlCol="0"/>
          <a:lstStyle/>
          <a:p>
            <a:endParaRPr/>
          </a:p>
        </p:txBody>
      </p:sp>
      <p:sp>
        <p:nvSpPr>
          <p:cNvPr id="21" name="object 21"/>
          <p:cNvSpPr txBox="1"/>
          <p:nvPr/>
        </p:nvSpPr>
        <p:spPr>
          <a:xfrm>
            <a:off x="2732532" y="2813050"/>
            <a:ext cx="469900" cy="299720"/>
          </a:xfrm>
          <a:prstGeom prst="rect">
            <a:avLst/>
          </a:prstGeom>
        </p:spPr>
        <p:txBody>
          <a:bodyPr vert="horz" wrap="square" lIns="0" tIns="12700" rIns="0" bIns="0" rtlCol="0">
            <a:spAutoFit/>
          </a:bodyPr>
          <a:lstStyle/>
          <a:p>
            <a:pPr>
              <a:spcBef>
                <a:spcPts val="100"/>
              </a:spcBef>
            </a:pPr>
            <a:r>
              <a:rPr spc="-25" dirty="0">
                <a:latin typeface="メイリオ"/>
                <a:cs typeface="メイリオ"/>
              </a:rPr>
              <a:t>出力</a:t>
            </a:r>
            <a:endParaRPr>
              <a:latin typeface="メイリオ"/>
              <a:cs typeface="メイリオ"/>
            </a:endParaRPr>
          </a:p>
        </p:txBody>
      </p:sp>
      <p:sp>
        <p:nvSpPr>
          <p:cNvPr id="22" name="object 22"/>
          <p:cNvSpPr txBox="1"/>
          <p:nvPr/>
        </p:nvSpPr>
        <p:spPr>
          <a:xfrm>
            <a:off x="3652773" y="3516629"/>
            <a:ext cx="927100" cy="299720"/>
          </a:xfrm>
          <a:prstGeom prst="rect">
            <a:avLst/>
          </a:prstGeom>
        </p:spPr>
        <p:txBody>
          <a:bodyPr vert="horz" wrap="square" lIns="0" tIns="12700" rIns="0" bIns="0" rtlCol="0">
            <a:spAutoFit/>
          </a:bodyPr>
          <a:lstStyle/>
          <a:p>
            <a:pPr>
              <a:spcBef>
                <a:spcPts val="100"/>
              </a:spcBef>
            </a:pPr>
            <a:r>
              <a:rPr spc="-15" dirty="0">
                <a:latin typeface="メイリオ"/>
                <a:cs typeface="メイリオ"/>
              </a:rPr>
              <a:t>入力強度</a:t>
            </a:r>
            <a:endParaRPr>
              <a:latin typeface="メイリオ"/>
              <a:cs typeface="メイリオ"/>
            </a:endParaRPr>
          </a:p>
        </p:txBody>
      </p:sp>
      <p:sp>
        <p:nvSpPr>
          <p:cNvPr id="23" name="正方形/長方形 22">
            <a:extLst>
              <a:ext uri="{FF2B5EF4-FFF2-40B4-BE49-F238E27FC236}">
                <a16:creationId xmlns:a16="http://schemas.microsoft.com/office/drawing/2014/main" id="{B897A026-8BE4-EFF6-0FA9-2003E1C6693A}"/>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latin typeface="BIZ UDPゴシック" panose="020B0400000000000000" pitchFamily="50" charset="-128"/>
                <a:ea typeface="BIZ UDPゴシック" panose="020B0400000000000000" pitchFamily="50" charset="-128"/>
              </a:rPr>
              <a:t>光デバイス</a:t>
            </a:r>
            <a:endParaRPr kumimoji="1" lang="ja-JP" altLang="en-US" sz="2400" b="1" dirty="0">
              <a:latin typeface="BIZ UDPゴシック" panose="020B0400000000000000" pitchFamily="50" charset="-128"/>
              <a:ea typeface="BIZ UDPゴシック" panose="020B0400000000000000" pitchFamily="50" charset="-128"/>
            </a:endParaRPr>
          </a:p>
        </p:txBody>
      </p:sp>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7839710" y="6463771"/>
            <a:ext cx="2506345" cy="280670"/>
          </a:xfrm>
          <a:prstGeom prst="rect">
            <a:avLst/>
          </a:prstGeom>
        </p:spPr>
        <p:txBody>
          <a:bodyPr vert="horz" wrap="square" lIns="0" tIns="1270" rIns="0" bIns="0" rtlCol="0">
            <a:spAutoFit/>
          </a:bodyPr>
          <a:lstStyle/>
          <a:p>
            <a:pPr>
              <a:spcBef>
                <a:spcPts val="10"/>
              </a:spcBef>
              <a:tabLst>
                <a:tab pos="1600200" algn="l"/>
              </a:tabLst>
            </a:pPr>
            <a:r>
              <a:rPr b="1" spc="-10" dirty="0">
                <a:latin typeface="メイリオ"/>
                <a:cs typeface="メイリオ"/>
              </a:rPr>
              <a:t>理工学図書</a:t>
            </a:r>
            <a:r>
              <a:rPr b="1" spc="-50" dirty="0">
                <a:latin typeface="メイリオ"/>
                <a:cs typeface="メイリオ"/>
              </a:rPr>
              <a:t>館</a:t>
            </a:r>
            <a:r>
              <a:rPr b="1" dirty="0">
                <a:latin typeface="メイリオ"/>
                <a:cs typeface="メイリオ"/>
              </a:rPr>
              <a:t>	</a:t>
            </a:r>
            <a:r>
              <a:rPr b="1" spc="-10" dirty="0">
                <a:latin typeface="Century Gothic"/>
                <a:cs typeface="Century Gothic"/>
              </a:rPr>
              <a:t>LS</a:t>
            </a:r>
            <a:r>
              <a:rPr b="1" spc="-10" dirty="0">
                <a:latin typeface="メイリオ"/>
                <a:cs typeface="メイリオ"/>
              </a:rPr>
              <a:t>講習</a:t>
            </a:r>
            <a:r>
              <a:rPr b="1" spc="-50" dirty="0">
                <a:latin typeface="メイリオ"/>
                <a:cs typeface="メイリオ"/>
              </a:rPr>
              <a:t>会</a:t>
            </a:r>
            <a:endParaRPr>
              <a:latin typeface="メイリオ"/>
              <a:cs typeface="メイリオ"/>
            </a:endParaRPr>
          </a:p>
        </p:txBody>
      </p:sp>
      <p:sp>
        <p:nvSpPr>
          <p:cNvPr id="3" name="object 3"/>
          <p:cNvSpPr txBox="1"/>
          <p:nvPr/>
        </p:nvSpPr>
        <p:spPr>
          <a:xfrm>
            <a:off x="1602739" y="39752"/>
            <a:ext cx="7608570" cy="513715"/>
          </a:xfrm>
          <a:prstGeom prst="rect">
            <a:avLst/>
          </a:prstGeom>
        </p:spPr>
        <p:txBody>
          <a:bodyPr vert="horz" wrap="square" lIns="0" tIns="12700" rIns="0" bIns="0" rtlCol="0">
            <a:spAutoFit/>
          </a:bodyPr>
          <a:lstStyle/>
          <a:p>
            <a:pPr marL="12700">
              <a:spcBef>
                <a:spcPts val="100"/>
              </a:spcBef>
            </a:pPr>
            <a:r>
              <a:rPr sz="3200" b="1" dirty="0">
                <a:solidFill>
                  <a:srgbClr val="1F3863"/>
                </a:solidFill>
                <a:latin typeface="メイリオ"/>
                <a:cs typeface="メイリオ"/>
              </a:rPr>
              <a:t>応用</a:t>
            </a:r>
            <a:r>
              <a:rPr sz="3200" b="1" spc="-10" dirty="0">
                <a:solidFill>
                  <a:srgbClr val="1F3863"/>
                </a:solidFill>
                <a:latin typeface="Century Gothic"/>
                <a:cs typeface="Century Gothic"/>
              </a:rPr>
              <a:t>:</a:t>
            </a:r>
            <a:r>
              <a:rPr sz="3200" b="1" spc="-5" dirty="0">
                <a:solidFill>
                  <a:srgbClr val="1F3863"/>
                </a:solidFill>
                <a:latin typeface="メイリオ"/>
                <a:cs typeface="メイリオ"/>
              </a:rPr>
              <a:t>ナノマテリアルによる</a:t>
            </a:r>
            <a:r>
              <a:rPr sz="3200" b="1" spc="-30" dirty="0">
                <a:solidFill>
                  <a:srgbClr val="1F3863"/>
                </a:solidFill>
                <a:latin typeface="Century Gothic"/>
                <a:cs typeface="Century Gothic"/>
              </a:rPr>
              <a:t>RC</a:t>
            </a:r>
            <a:r>
              <a:rPr sz="3200" b="1" spc="-15" dirty="0">
                <a:solidFill>
                  <a:srgbClr val="1F3863"/>
                </a:solidFill>
                <a:latin typeface="メイリオ"/>
                <a:cs typeface="メイリオ"/>
              </a:rPr>
              <a:t>用デバイス</a:t>
            </a:r>
            <a:endParaRPr sz="3200">
              <a:latin typeface="メイリオ"/>
              <a:cs typeface="メイリオ"/>
            </a:endParaRPr>
          </a:p>
        </p:txBody>
      </p:sp>
      <p:sp>
        <p:nvSpPr>
          <p:cNvPr id="5" name="object 5"/>
          <p:cNvSpPr txBox="1"/>
          <p:nvPr/>
        </p:nvSpPr>
        <p:spPr>
          <a:xfrm>
            <a:off x="1508557" y="619125"/>
            <a:ext cx="5511800" cy="299720"/>
          </a:xfrm>
          <a:prstGeom prst="rect">
            <a:avLst/>
          </a:prstGeom>
        </p:spPr>
        <p:txBody>
          <a:bodyPr vert="horz" wrap="square" lIns="0" tIns="12700" rIns="0" bIns="0" rtlCol="0">
            <a:spAutoFit/>
          </a:bodyPr>
          <a:lstStyle/>
          <a:p>
            <a:pPr marL="12700">
              <a:spcBef>
                <a:spcPts val="100"/>
              </a:spcBef>
            </a:pPr>
            <a:r>
              <a:rPr b="1" dirty="0">
                <a:latin typeface="メイリオ"/>
                <a:cs typeface="メイリオ"/>
              </a:rPr>
              <a:t>（例）</a:t>
            </a:r>
            <a:r>
              <a:rPr b="1" spc="-5" dirty="0">
                <a:latin typeface="メイリオ"/>
                <a:cs typeface="メイリオ"/>
              </a:rPr>
              <a:t>スピンを利用したリザバーコンピューティング</a:t>
            </a:r>
            <a:endParaRPr dirty="0">
              <a:latin typeface="メイリオ"/>
              <a:cs typeface="メイリオ"/>
            </a:endParaRPr>
          </a:p>
        </p:txBody>
      </p:sp>
      <p:sp>
        <p:nvSpPr>
          <p:cNvPr id="6" name="object 6"/>
          <p:cNvSpPr txBox="1"/>
          <p:nvPr/>
        </p:nvSpPr>
        <p:spPr>
          <a:xfrm>
            <a:off x="1560677" y="2699766"/>
            <a:ext cx="4699000" cy="258404"/>
          </a:xfrm>
          <a:prstGeom prst="rect">
            <a:avLst/>
          </a:prstGeom>
        </p:spPr>
        <p:txBody>
          <a:bodyPr vert="horz" wrap="square" lIns="0" tIns="12065" rIns="0" bIns="0" rtlCol="0">
            <a:spAutoFit/>
          </a:bodyPr>
          <a:lstStyle/>
          <a:p>
            <a:pPr marL="12700">
              <a:spcBef>
                <a:spcPts val="95"/>
              </a:spcBef>
            </a:pPr>
            <a:r>
              <a:rPr sz="1600" b="1" spc="-25" dirty="0">
                <a:latin typeface="メイリオ"/>
                <a:cs typeface="メイリオ"/>
              </a:rPr>
              <a:t>例）</a:t>
            </a:r>
            <a:r>
              <a:rPr sz="1600" b="1" spc="-30" dirty="0">
                <a:latin typeface="メイリオ"/>
                <a:cs typeface="メイリオ"/>
              </a:rPr>
              <a:t>銀ナノワイヤによる原子スイッチネットワーク</a:t>
            </a:r>
            <a:endParaRPr sz="1600">
              <a:latin typeface="メイリオ"/>
              <a:cs typeface="メイリオ"/>
            </a:endParaRPr>
          </a:p>
        </p:txBody>
      </p:sp>
      <p:sp>
        <p:nvSpPr>
          <p:cNvPr id="7" name="object 7"/>
          <p:cNvSpPr/>
          <p:nvPr/>
        </p:nvSpPr>
        <p:spPr>
          <a:xfrm>
            <a:off x="1784604" y="5586984"/>
            <a:ext cx="8595360" cy="1231900"/>
          </a:xfrm>
          <a:custGeom>
            <a:avLst/>
            <a:gdLst/>
            <a:ahLst/>
            <a:cxnLst/>
            <a:rect l="l" t="t" r="r" b="b"/>
            <a:pathLst>
              <a:path w="8595360" h="1231900">
                <a:moveTo>
                  <a:pt x="8595360" y="0"/>
                </a:moveTo>
                <a:lnTo>
                  <a:pt x="0" y="0"/>
                </a:lnTo>
                <a:lnTo>
                  <a:pt x="0" y="1231391"/>
                </a:lnTo>
                <a:lnTo>
                  <a:pt x="8595360" y="1231391"/>
                </a:lnTo>
                <a:lnTo>
                  <a:pt x="8595360" y="0"/>
                </a:lnTo>
                <a:close/>
              </a:path>
            </a:pathLst>
          </a:custGeom>
          <a:solidFill>
            <a:srgbClr val="FFFFFF"/>
          </a:solidFill>
        </p:spPr>
        <p:txBody>
          <a:bodyPr wrap="square" lIns="0" tIns="0" rIns="0" bIns="0" rtlCol="0"/>
          <a:lstStyle/>
          <a:p>
            <a:endParaRPr/>
          </a:p>
        </p:txBody>
      </p:sp>
      <p:sp>
        <p:nvSpPr>
          <p:cNvPr id="8" name="object 8"/>
          <p:cNvSpPr txBox="1"/>
          <p:nvPr/>
        </p:nvSpPr>
        <p:spPr>
          <a:xfrm>
            <a:off x="239507" y="5758915"/>
            <a:ext cx="11816135" cy="985526"/>
          </a:xfrm>
          <a:prstGeom prst="rect">
            <a:avLst/>
          </a:prstGeom>
          <a:ln w="9144">
            <a:solidFill>
              <a:srgbClr val="5B9BD4"/>
            </a:solidFill>
          </a:ln>
        </p:spPr>
        <p:txBody>
          <a:bodyPr vert="horz" wrap="square" lIns="0" tIns="8890" rIns="0" bIns="0" rtlCol="0">
            <a:spAutoFit/>
          </a:bodyPr>
          <a:lstStyle/>
          <a:p>
            <a:pPr marL="91440" marR="172720">
              <a:lnSpc>
                <a:spcPct val="103099"/>
              </a:lnSpc>
              <a:spcBef>
                <a:spcPts val="70"/>
              </a:spcBef>
            </a:pPr>
            <a:r>
              <a:rPr sz="1600" b="1" spc="-45" dirty="0" err="1">
                <a:latin typeface="メイリオ"/>
                <a:cs typeface="メイリオ"/>
              </a:rPr>
              <a:t>本発表で述べた以外にも非常に様々な材料・物理現象によるリザバーコンピューティングが</a:t>
            </a:r>
            <a:r>
              <a:rPr sz="1600" b="1" spc="-30" dirty="0" err="1">
                <a:latin typeface="メイリオ"/>
                <a:cs typeface="メイリオ"/>
              </a:rPr>
              <a:t>提案されている</a:t>
            </a:r>
            <a:r>
              <a:rPr sz="1600" b="1" spc="-30" dirty="0">
                <a:latin typeface="メイリオ"/>
                <a:cs typeface="メイリオ"/>
              </a:rPr>
              <a:t>！</a:t>
            </a:r>
            <a:endParaRPr lang="en-US" sz="1600" b="1" spc="-30" dirty="0">
              <a:latin typeface="メイリオ"/>
              <a:cs typeface="メイリオ"/>
            </a:endParaRPr>
          </a:p>
          <a:p>
            <a:pPr marL="91440" marR="172720">
              <a:lnSpc>
                <a:spcPct val="103099"/>
              </a:lnSpc>
              <a:spcBef>
                <a:spcPts val="70"/>
              </a:spcBef>
            </a:pPr>
            <a:r>
              <a:rPr sz="1600" b="1" spc="-30" dirty="0" err="1">
                <a:latin typeface="メイリオ"/>
                <a:cs typeface="メイリオ"/>
              </a:rPr>
              <a:t>以下のレビュー論文が非常に詳しい</a:t>
            </a:r>
            <a:r>
              <a:rPr sz="1600" b="1" spc="-30" dirty="0">
                <a:latin typeface="メイリオ"/>
                <a:cs typeface="メイリオ"/>
              </a:rPr>
              <a:t>。</a:t>
            </a:r>
            <a:endParaRPr sz="1600" dirty="0">
              <a:latin typeface="メイリオ"/>
              <a:cs typeface="メイリオ"/>
            </a:endParaRPr>
          </a:p>
          <a:p>
            <a:pPr marL="91440" marR="2633980">
              <a:lnSpc>
                <a:spcPct val="99600"/>
              </a:lnSpc>
              <a:spcBef>
                <a:spcPts val="170"/>
              </a:spcBef>
            </a:pPr>
            <a:r>
              <a:rPr sz="1400" dirty="0">
                <a:latin typeface="ＭＳ ゴシック"/>
                <a:cs typeface="ＭＳ ゴシック"/>
              </a:rPr>
              <a:t>※</a:t>
            </a:r>
            <a:r>
              <a:rPr sz="1400" dirty="0">
                <a:latin typeface="Century Gothic"/>
                <a:cs typeface="Century Gothic"/>
              </a:rPr>
              <a:t>9</a:t>
            </a:r>
            <a:r>
              <a:rPr sz="1400" spc="-30" dirty="0">
                <a:latin typeface="Century Gothic"/>
                <a:cs typeface="Century Gothic"/>
              </a:rPr>
              <a:t> </a:t>
            </a:r>
            <a:r>
              <a:rPr sz="1400" dirty="0">
                <a:latin typeface="Century Gothic"/>
                <a:cs typeface="Century Gothic"/>
              </a:rPr>
              <a:t>G.</a:t>
            </a:r>
            <a:r>
              <a:rPr sz="1400" spc="-20" dirty="0">
                <a:latin typeface="Century Gothic"/>
                <a:cs typeface="Century Gothic"/>
              </a:rPr>
              <a:t> </a:t>
            </a:r>
            <a:r>
              <a:rPr sz="1400" dirty="0">
                <a:latin typeface="Century Gothic"/>
                <a:cs typeface="Century Gothic"/>
              </a:rPr>
              <a:t>Tanaka,</a:t>
            </a:r>
            <a:r>
              <a:rPr sz="1400" spc="-10" dirty="0">
                <a:latin typeface="Century Gothic"/>
                <a:cs typeface="Century Gothic"/>
              </a:rPr>
              <a:t> </a:t>
            </a:r>
            <a:r>
              <a:rPr sz="1400" dirty="0">
                <a:latin typeface="Century Gothic"/>
                <a:cs typeface="Century Gothic"/>
              </a:rPr>
              <a:t>T.</a:t>
            </a:r>
            <a:r>
              <a:rPr sz="1400" spc="-20" dirty="0">
                <a:latin typeface="Century Gothic"/>
                <a:cs typeface="Century Gothic"/>
              </a:rPr>
              <a:t> </a:t>
            </a:r>
            <a:r>
              <a:rPr sz="1400" dirty="0">
                <a:latin typeface="Century Gothic"/>
                <a:cs typeface="Century Gothic"/>
              </a:rPr>
              <a:t>Yamane,</a:t>
            </a:r>
            <a:r>
              <a:rPr sz="1400" spc="-30" dirty="0">
                <a:latin typeface="Century Gothic"/>
                <a:cs typeface="Century Gothic"/>
              </a:rPr>
              <a:t> </a:t>
            </a:r>
            <a:r>
              <a:rPr sz="1400" dirty="0">
                <a:latin typeface="Century Gothic"/>
                <a:cs typeface="Century Gothic"/>
              </a:rPr>
              <a:t>B.J.</a:t>
            </a:r>
            <a:r>
              <a:rPr sz="1400" spc="5" dirty="0">
                <a:latin typeface="Century Gothic"/>
                <a:cs typeface="Century Gothic"/>
              </a:rPr>
              <a:t> </a:t>
            </a:r>
            <a:r>
              <a:rPr sz="1400" dirty="0">
                <a:latin typeface="Century Gothic"/>
                <a:cs typeface="Century Gothic"/>
              </a:rPr>
              <a:t>Héroux,</a:t>
            </a:r>
            <a:r>
              <a:rPr sz="1400" spc="-20" dirty="0">
                <a:latin typeface="Century Gothic"/>
                <a:cs typeface="Century Gothic"/>
              </a:rPr>
              <a:t> </a:t>
            </a:r>
            <a:r>
              <a:rPr sz="1400" dirty="0">
                <a:latin typeface="Century Gothic"/>
                <a:cs typeface="Century Gothic"/>
              </a:rPr>
              <a:t>R.</a:t>
            </a:r>
            <a:r>
              <a:rPr sz="1400" spc="-10" dirty="0">
                <a:latin typeface="Century Gothic"/>
                <a:cs typeface="Century Gothic"/>
              </a:rPr>
              <a:t> </a:t>
            </a:r>
            <a:r>
              <a:rPr sz="1400" dirty="0">
                <a:latin typeface="Century Gothic"/>
                <a:cs typeface="Century Gothic"/>
              </a:rPr>
              <a:t>Nakane,</a:t>
            </a:r>
            <a:r>
              <a:rPr sz="1400" spc="-35" dirty="0">
                <a:latin typeface="Century Gothic"/>
                <a:cs typeface="Century Gothic"/>
              </a:rPr>
              <a:t> </a:t>
            </a:r>
            <a:r>
              <a:rPr sz="1400" dirty="0">
                <a:latin typeface="Century Gothic"/>
                <a:cs typeface="Century Gothic"/>
              </a:rPr>
              <a:t>N.</a:t>
            </a:r>
            <a:r>
              <a:rPr sz="1400" spc="-20" dirty="0">
                <a:latin typeface="Century Gothic"/>
                <a:cs typeface="Century Gothic"/>
              </a:rPr>
              <a:t> </a:t>
            </a:r>
            <a:r>
              <a:rPr sz="1400" dirty="0">
                <a:latin typeface="Century Gothic"/>
                <a:cs typeface="Century Gothic"/>
              </a:rPr>
              <a:t>Kanazawa,</a:t>
            </a:r>
            <a:r>
              <a:rPr sz="1400" spc="-20" dirty="0">
                <a:latin typeface="Century Gothic"/>
                <a:cs typeface="Century Gothic"/>
              </a:rPr>
              <a:t> </a:t>
            </a:r>
            <a:r>
              <a:rPr sz="1400" spc="-25" dirty="0">
                <a:latin typeface="Century Gothic"/>
                <a:cs typeface="Century Gothic"/>
              </a:rPr>
              <a:t>S. </a:t>
            </a:r>
            <a:r>
              <a:rPr sz="1400" dirty="0">
                <a:latin typeface="Century Gothic"/>
                <a:cs typeface="Century Gothic"/>
              </a:rPr>
              <a:t>Takeda,</a:t>
            </a:r>
            <a:r>
              <a:rPr sz="1400" spc="-25" dirty="0">
                <a:latin typeface="Century Gothic"/>
                <a:cs typeface="Century Gothic"/>
              </a:rPr>
              <a:t> </a:t>
            </a:r>
            <a:r>
              <a:rPr sz="1400" dirty="0">
                <a:latin typeface="Century Gothic"/>
                <a:cs typeface="Century Gothic"/>
              </a:rPr>
              <a:t>H.</a:t>
            </a:r>
            <a:r>
              <a:rPr sz="1400" spc="-25" dirty="0">
                <a:latin typeface="Century Gothic"/>
                <a:cs typeface="Century Gothic"/>
              </a:rPr>
              <a:t> </a:t>
            </a:r>
            <a:r>
              <a:rPr sz="1400" dirty="0">
                <a:latin typeface="Century Gothic"/>
                <a:cs typeface="Century Gothic"/>
              </a:rPr>
              <a:t>Numata,</a:t>
            </a:r>
            <a:r>
              <a:rPr sz="1400" spc="-15" dirty="0">
                <a:latin typeface="Century Gothic"/>
                <a:cs typeface="Century Gothic"/>
              </a:rPr>
              <a:t> </a:t>
            </a:r>
            <a:r>
              <a:rPr sz="1400" dirty="0">
                <a:latin typeface="Century Gothic"/>
                <a:cs typeface="Century Gothic"/>
              </a:rPr>
              <a:t>D.</a:t>
            </a:r>
            <a:r>
              <a:rPr sz="1400" spc="-20" dirty="0">
                <a:latin typeface="Century Gothic"/>
                <a:cs typeface="Century Gothic"/>
              </a:rPr>
              <a:t> </a:t>
            </a:r>
            <a:r>
              <a:rPr sz="1400" dirty="0">
                <a:latin typeface="Century Gothic"/>
                <a:cs typeface="Century Gothic"/>
              </a:rPr>
              <a:t>Nakano,</a:t>
            </a:r>
            <a:r>
              <a:rPr sz="1400" spc="-50" dirty="0">
                <a:latin typeface="Century Gothic"/>
                <a:cs typeface="Century Gothic"/>
              </a:rPr>
              <a:t> </a:t>
            </a:r>
            <a:r>
              <a:rPr sz="1400" dirty="0">
                <a:latin typeface="Century Gothic"/>
                <a:cs typeface="Century Gothic"/>
              </a:rPr>
              <a:t>and</a:t>
            </a:r>
            <a:r>
              <a:rPr sz="1400" spc="-10" dirty="0">
                <a:latin typeface="Century Gothic"/>
                <a:cs typeface="Century Gothic"/>
              </a:rPr>
              <a:t> </a:t>
            </a:r>
            <a:r>
              <a:rPr sz="1400" dirty="0">
                <a:latin typeface="Century Gothic"/>
                <a:cs typeface="Century Gothic"/>
              </a:rPr>
              <a:t>A.</a:t>
            </a:r>
            <a:r>
              <a:rPr sz="1400" spc="-35" dirty="0">
                <a:latin typeface="Century Gothic"/>
                <a:cs typeface="Century Gothic"/>
              </a:rPr>
              <a:t> </a:t>
            </a:r>
            <a:r>
              <a:rPr sz="1400" dirty="0">
                <a:latin typeface="Century Gothic"/>
                <a:cs typeface="Century Gothic"/>
              </a:rPr>
              <a:t>Hirose,</a:t>
            </a:r>
            <a:r>
              <a:rPr sz="1400" spc="-50" dirty="0">
                <a:latin typeface="Century Gothic"/>
                <a:cs typeface="Century Gothic"/>
              </a:rPr>
              <a:t> </a:t>
            </a:r>
            <a:r>
              <a:rPr sz="1400" dirty="0">
                <a:latin typeface="Century Gothic"/>
                <a:cs typeface="Century Gothic"/>
              </a:rPr>
              <a:t>“Recent</a:t>
            </a:r>
            <a:r>
              <a:rPr sz="1400" spc="-40" dirty="0">
                <a:latin typeface="Century Gothic"/>
                <a:cs typeface="Century Gothic"/>
              </a:rPr>
              <a:t> </a:t>
            </a:r>
            <a:r>
              <a:rPr sz="1400" dirty="0">
                <a:latin typeface="Century Gothic"/>
                <a:cs typeface="Century Gothic"/>
              </a:rPr>
              <a:t>advances</a:t>
            </a:r>
            <a:r>
              <a:rPr sz="1400" spc="-45" dirty="0">
                <a:latin typeface="Century Gothic"/>
                <a:cs typeface="Century Gothic"/>
              </a:rPr>
              <a:t> </a:t>
            </a:r>
            <a:r>
              <a:rPr sz="1400" spc="-25" dirty="0">
                <a:latin typeface="Century Gothic"/>
                <a:cs typeface="Century Gothic"/>
              </a:rPr>
              <a:t>in </a:t>
            </a:r>
            <a:r>
              <a:rPr sz="1400" dirty="0">
                <a:latin typeface="Century Gothic"/>
                <a:cs typeface="Century Gothic"/>
              </a:rPr>
              <a:t>physical</a:t>
            </a:r>
            <a:r>
              <a:rPr sz="1400" spc="-20" dirty="0">
                <a:latin typeface="Century Gothic"/>
                <a:cs typeface="Century Gothic"/>
              </a:rPr>
              <a:t> </a:t>
            </a:r>
            <a:r>
              <a:rPr sz="1400" dirty="0">
                <a:latin typeface="Century Gothic"/>
                <a:cs typeface="Century Gothic"/>
              </a:rPr>
              <a:t>reservoir</a:t>
            </a:r>
            <a:r>
              <a:rPr sz="1400" spc="-45" dirty="0">
                <a:latin typeface="Century Gothic"/>
                <a:cs typeface="Century Gothic"/>
              </a:rPr>
              <a:t> </a:t>
            </a:r>
            <a:r>
              <a:rPr sz="1400" dirty="0">
                <a:latin typeface="Century Gothic"/>
                <a:cs typeface="Century Gothic"/>
              </a:rPr>
              <a:t>computing</a:t>
            </a:r>
            <a:r>
              <a:rPr sz="1400" spc="-30" dirty="0">
                <a:latin typeface="Century Gothic"/>
                <a:cs typeface="Century Gothic"/>
              </a:rPr>
              <a:t> </a:t>
            </a:r>
            <a:r>
              <a:rPr sz="1400" dirty="0">
                <a:latin typeface="Century Gothic"/>
                <a:cs typeface="Century Gothic"/>
              </a:rPr>
              <a:t>:</a:t>
            </a:r>
            <a:r>
              <a:rPr sz="1400" spc="-50" dirty="0">
                <a:latin typeface="Century Gothic"/>
                <a:cs typeface="Century Gothic"/>
              </a:rPr>
              <a:t> </a:t>
            </a:r>
            <a:r>
              <a:rPr sz="1400" dirty="0">
                <a:latin typeface="Century Gothic"/>
                <a:cs typeface="Century Gothic"/>
              </a:rPr>
              <a:t>A</a:t>
            </a:r>
            <a:r>
              <a:rPr sz="1400" spc="-15" dirty="0">
                <a:latin typeface="Century Gothic"/>
                <a:cs typeface="Century Gothic"/>
              </a:rPr>
              <a:t> </a:t>
            </a:r>
            <a:r>
              <a:rPr sz="1400" dirty="0">
                <a:latin typeface="Century Gothic"/>
                <a:cs typeface="Century Gothic"/>
              </a:rPr>
              <a:t>review,”</a:t>
            </a:r>
            <a:r>
              <a:rPr sz="1400" spc="-30" dirty="0">
                <a:latin typeface="Century Gothic"/>
                <a:cs typeface="Century Gothic"/>
              </a:rPr>
              <a:t> </a:t>
            </a:r>
            <a:r>
              <a:rPr sz="1400" dirty="0">
                <a:latin typeface="Century Gothic"/>
                <a:cs typeface="Century Gothic"/>
              </a:rPr>
              <a:t>arXiv</a:t>
            </a:r>
            <a:r>
              <a:rPr sz="1400" spc="-45" dirty="0">
                <a:latin typeface="Century Gothic"/>
                <a:cs typeface="Century Gothic"/>
              </a:rPr>
              <a:t> </a:t>
            </a:r>
            <a:r>
              <a:rPr sz="1400" dirty="0">
                <a:latin typeface="Century Gothic"/>
                <a:cs typeface="Century Gothic"/>
              </a:rPr>
              <a:t>:</a:t>
            </a:r>
            <a:r>
              <a:rPr sz="1400" spc="-15" dirty="0">
                <a:latin typeface="Century Gothic"/>
                <a:cs typeface="Century Gothic"/>
              </a:rPr>
              <a:t> </a:t>
            </a:r>
            <a:r>
              <a:rPr sz="1400" dirty="0">
                <a:latin typeface="Century Gothic"/>
                <a:cs typeface="Century Gothic"/>
              </a:rPr>
              <a:t>1808.04962,</a:t>
            </a:r>
            <a:r>
              <a:rPr sz="1400" spc="-45" dirty="0">
                <a:latin typeface="Century Gothic"/>
                <a:cs typeface="Century Gothic"/>
              </a:rPr>
              <a:t> </a:t>
            </a:r>
            <a:r>
              <a:rPr sz="1400" spc="-10" dirty="0">
                <a:latin typeface="Century Gothic"/>
                <a:cs typeface="Century Gothic"/>
              </a:rPr>
              <a:t>2018.</a:t>
            </a:r>
            <a:endParaRPr sz="1400" dirty="0">
              <a:latin typeface="Century Gothic"/>
              <a:cs typeface="Century Gothic"/>
            </a:endParaRPr>
          </a:p>
        </p:txBody>
      </p:sp>
      <p:sp>
        <p:nvSpPr>
          <p:cNvPr id="9" name="object 9"/>
          <p:cNvSpPr txBox="1"/>
          <p:nvPr/>
        </p:nvSpPr>
        <p:spPr>
          <a:xfrm>
            <a:off x="1318768" y="2974085"/>
            <a:ext cx="4699000" cy="1565172"/>
          </a:xfrm>
          <a:prstGeom prst="rect">
            <a:avLst/>
          </a:prstGeom>
          <a:ln w="38100">
            <a:solidFill>
              <a:srgbClr val="000000"/>
            </a:solidFill>
          </a:ln>
        </p:spPr>
        <p:txBody>
          <a:bodyPr vert="horz" wrap="square" lIns="0" tIns="165735" rIns="0" bIns="0" rtlCol="0">
            <a:spAutoFit/>
          </a:bodyPr>
          <a:lstStyle/>
          <a:p>
            <a:pPr marL="310515" marR="1428115">
              <a:spcBef>
                <a:spcPts val="1305"/>
              </a:spcBef>
            </a:pPr>
            <a:r>
              <a:rPr b="1" dirty="0" err="1">
                <a:latin typeface="メイリオ"/>
                <a:cs typeface="メイリオ"/>
              </a:rPr>
              <a:t>電圧によって</a:t>
            </a:r>
            <a:r>
              <a:rPr b="1" spc="-10" dirty="0" err="1">
                <a:latin typeface="Century Gothic"/>
                <a:cs typeface="Century Gothic"/>
              </a:rPr>
              <a:t>ONOFF</a:t>
            </a:r>
            <a:r>
              <a:rPr b="1" spc="-15" dirty="0" err="1">
                <a:latin typeface="メイリオ"/>
                <a:cs typeface="メイリオ"/>
              </a:rPr>
              <a:t>を取る原子スイッチによる非線形性を利用</a:t>
            </a:r>
            <a:endParaRPr lang="en-US" b="1" spc="-15" dirty="0">
              <a:latin typeface="メイリオ"/>
              <a:cs typeface="メイリオ"/>
            </a:endParaRPr>
          </a:p>
          <a:p>
            <a:pPr marL="310515" marR="1428115">
              <a:spcBef>
                <a:spcPts val="1305"/>
              </a:spcBef>
            </a:pPr>
            <a:endParaRPr sz="1400" dirty="0">
              <a:latin typeface="メイリオ"/>
              <a:cs typeface="メイリオ"/>
            </a:endParaRPr>
          </a:p>
          <a:p>
            <a:pPr marL="151130"/>
            <a:r>
              <a:rPr sz="1200" b="1" dirty="0">
                <a:latin typeface="ＭＳ ゴシック"/>
                <a:cs typeface="ＭＳ ゴシック"/>
              </a:rPr>
              <a:t>※</a:t>
            </a:r>
            <a:r>
              <a:rPr sz="1200" b="1" dirty="0">
                <a:latin typeface="Century Gothic"/>
                <a:cs typeface="Century Gothic"/>
              </a:rPr>
              <a:t>8</a:t>
            </a:r>
            <a:r>
              <a:rPr sz="1200" b="1" spc="-30" dirty="0">
                <a:latin typeface="Century Gothic"/>
                <a:cs typeface="Century Gothic"/>
              </a:rPr>
              <a:t> </a:t>
            </a:r>
            <a:r>
              <a:rPr sz="1200" b="1" dirty="0">
                <a:latin typeface="Century Gothic"/>
                <a:cs typeface="Century Gothic"/>
              </a:rPr>
              <a:t>CDemis</a:t>
            </a:r>
            <a:r>
              <a:rPr sz="1200" b="1" spc="-20" dirty="0">
                <a:latin typeface="Century Gothic"/>
                <a:cs typeface="Century Gothic"/>
              </a:rPr>
              <a:t> </a:t>
            </a:r>
            <a:r>
              <a:rPr sz="1200" b="1" dirty="0">
                <a:latin typeface="Century Gothic"/>
                <a:cs typeface="Century Gothic"/>
              </a:rPr>
              <a:t>et</a:t>
            </a:r>
            <a:r>
              <a:rPr sz="1200" b="1" spc="-15" dirty="0">
                <a:latin typeface="Century Gothic"/>
                <a:cs typeface="Century Gothic"/>
              </a:rPr>
              <a:t> </a:t>
            </a:r>
            <a:r>
              <a:rPr sz="1200" b="1" dirty="0">
                <a:latin typeface="Century Gothic"/>
                <a:cs typeface="Century Gothic"/>
              </a:rPr>
              <a:t>al</a:t>
            </a:r>
            <a:r>
              <a:rPr sz="1200" b="1" spc="-15" dirty="0">
                <a:latin typeface="Century Gothic"/>
                <a:cs typeface="Century Gothic"/>
              </a:rPr>
              <a:t> </a:t>
            </a:r>
            <a:r>
              <a:rPr sz="1200" b="1" i="1" dirty="0">
                <a:latin typeface="Century Gothic"/>
                <a:cs typeface="Century Gothic"/>
              </a:rPr>
              <a:t>Jpn.</a:t>
            </a:r>
            <a:r>
              <a:rPr sz="1200" b="1" i="1" spc="-15" dirty="0">
                <a:latin typeface="Century Gothic"/>
                <a:cs typeface="Century Gothic"/>
              </a:rPr>
              <a:t> </a:t>
            </a:r>
            <a:r>
              <a:rPr sz="1200" b="1" i="1" dirty="0">
                <a:latin typeface="Century Gothic"/>
                <a:cs typeface="Century Gothic"/>
              </a:rPr>
              <a:t>J.</a:t>
            </a:r>
            <a:r>
              <a:rPr sz="1200" b="1" i="1" spc="-10" dirty="0">
                <a:latin typeface="Century Gothic"/>
                <a:cs typeface="Century Gothic"/>
              </a:rPr>
              <a:t> </a:t>
            </a:r>
            <a:r>
              <a:rPr sz="1200" b="1" i="1" dirty="0">
                <a:latin typeface="Century Gothic"/>
                <a:cs typeface="Century Gothic"/>
              </a:rPr>
              <a:t>Appl.</a:t>
            </a:r>
            <a:r>
              <a:rPr sz="1200" b="1" i="1" spc="-15" dirty="0">
                <a:latin typeface="Century Gothic"/>
                <a:cs typeface="Century Gothic"/>
              </a:rPr>
              <a:t> </a:t>
            </a:r>
            <a:r>
              <a:rPr sz="1200" b="1" i="1" dirty="0">
                <a:latin typeface="Century Gothic"/>
                <a:cs typeface="Century Gothic"/>
              </a:rPr>
              <a:t>Phys.</a:t>
            </a:r>
            <a:r>
              <a:rPr sz="1200" b="1" i="1" spc="-5" dirty="0">
                <a:latin typeface="Century Gothic"/>
                <a:cs typeface="Century Gothic"/>
              </a:rPr>
              <a:t> </a:t>
            </a:r>
            <a:r>
              <a:rPr sz="1200" b="1" dirty="0">
                <a:latin typeface="Century Gothic"/>
                <a:cs typeface="Century Gothic"/>
              </a:rPr>
              <a:t>55, 1102B2,</a:t>
            </a:r>
            <a:r>
              <a:rPr sz="1200" b="1" spc="-5" dirty="0">
                <a:latin typeface="Century Gothic"/>
                <a:cs typeface="Century Gothic"/>
              </a:rPr>
              <a:t> </a:t>
            </a:r>
            <a:r>
              <a:rPr sz="1200" b="1" dirty="0">
                <a:latin typeface="Century Gothic"/>
                <a:cs typeface="Century Gothic"/>
              </a:rPr>
              <a:t>2016.</a:t>
            </a:r>
            <a:r>
              <a:rPr sz="1200" b="1" spc="5" dirty="0">
                <a:latin typeface="Century Gothic"/>
                <a:cs typeface="Century Gothic"/>
              </a:rPr>
              <a:t> </a:t>
            </a:r>
            <a:r>
              <a:rPr sz="1200" b="1" spc="-50" dirty="0">
                <a:latin typeface="Century Gothic"/>
                <a:cs typeface="Century Gothic"/>
              </a:rPr>
              <a:t>.</a:t>
            </a:r>
            <a:endParaRPr sz="1200" dirty="0">
              <a:latin typeface="Century Gothic"/>
              <a:cs typeface="Century Gothic"/>
            </a:endParaRPr>
          </a:p>
        </p:txBody>
      </p:sp>
      <p:sp>
        <p:nvSpPr>
          <p:cNvPr id="10" name="object 10"/>
          <p:cNvSpPr txBox="1"/>
          <p:nvPr/>
        </p:nvSpPr>
        <p:spPr>
          <a:xfrm>
            <a:off x="1365757" y="941069"/>
            <a:ext cx="4699000" cy="1372812"/>
          </a:xfrm>
          <a:prstGeom prst="rect">
            <a:avLst/>
          </a:prstGeom>
          <a:ln w="38100">
            <a:solidFill>
              <a:srgbClr val="000000"/>
            </a:solidFill>
          </a:ln>
        </p:spPr>
        <p:txBody>
          <a:bodyPr vert="horz" wrap="square" lIns="0" tIns="79375" rIns="0" bIns="0" rtlCol="0">
            <a:spAutoFit/>
          </a:bodyPr>
          <a:lstStyle/>
          <a:p>
            <a:pPr marL="215265">
              <a:spcBef>
                <a:spcPts val="625"/>
              </a:spcBef>
            </a:pPr>
            <a:r>
              <a:rPr sz="1600" b="1" spc="-30" dirty="0">
                <a:latin typeface="メイリオ"/>
                <a:cs typeface="メイリオ"/>
              </a:rPr>
              <a:t>スピントルク振動子</a:t>
            </a:r>
            <a:endParaRPr sz="1600" dirty="0">
              <a:latin typeface="メイリオ"/>
              <a:cs typeface="メイリオ"/>
            </a:endParaRPr>
          </a:p>
          <a:p>
            <a:pPr marL="215265">
              <a:spcBef>
                <a:spcPts val="1185"/>
              </a:spcBef>
            </a:pPr>
            <a:r>
              <a:rPr spc="-5" dirty="0">
                <a:latin typeface="メイリオ"/>
                <a:cs typeface="メイリオ"/>
              </a:rPr>
              <a:t>磁場をかけて電圧を入力した際の電子の</a:t>
            </a:r>
            <a:endParaRPr dirty="0">
              <a:latin typeface="メイリオ"/>
              <a:cs typeface="メイリオ"/>
            </a:endParaRPr>
          </a:p>
          <a:p>
            <a:pPr marL="215265">
              <a:spcBef>
                <a:spcPts val="65"/>
              </a:spcBef>
            </a:pPr>
            <a:r>
              <a:rPr spc="-5" dirty="0">
                <a:latin typeface="メイリオ"/>
                <a:cs typeface="メイリオ"/>
              </a:rPr>
              <a:t>スピントルク発振を利用！</a:t>
            </a:r>
            <a:endParaRPr dirty="0">
              <a:latin typeface="メイリオ"/>
              <a:cs typeface="メイリオ"/>
            </a:endParaRPr>
          </a:p>
          <a:p>
            <a:pPr marL="113030">
              <a:spcBef>
                <a:spcPts val="1140"/>
              </a:spcBef>
            </a:pPr>
            <a:r>
              <a:rPr sz="1200" b="1" dirty="0">
                <a:latin typeface="ＭＳ ゴシック"/>
                <a:cs typeface="ＭＳ ゴシック"/>
              </a:rPr>
              <a:t>※</a:t>
            </a:r>
            <a:r>
              <a:rPr sz="1200" b="1" dirty="0">
                <a:latin typeface="Century Gothic"/>
                <a:cs typeface="Century Gothic"/>
              </a:rPr>
              <a:t>7</a:t>
            </a:r>
            <a:r>
              <a:rPr sz="1200" b="1" spc="-35" dirty="0">
                <a:latin typeface="Century Gothic"/>
                <a:cs typeface="Century Gothic"/>
              </a:rPr>
              <a:t> </a:t>
            </a:r>
            <a:r>
              <a:rPr sz="1200" b="1" dirty="0">
                <a:latin typeface="Century Gothic"/>
                <a:cs typeface="Century Gothic"/>
              </a:rPr>
              <a:t>J.</a:t>
            </a:r>
            <a:r>
              <a:rPr sz="1200" b="1" spc="-10" dirty="0">
                <a:latin typeface="Century Gothic"/>
                <a:cs typeface="Century Gothic"/>
              </a:rPr>
              <a:t> </a:t>
            </a:r>
            <a:r>
              <a:rPr sz="1200" b="1" dirty="0">
                <a:latin typeface="Century Gothic"/>
                <a:cs typeface="Century Gothic"/>
              </a:rPr>
              <a:t>Torrejon</a:t>
            </a:r>
            <a:r>
              <a:rPr sz="1200" b="1" spc="-40" dirty="0">
                <a:latin typeface="Century Gothic"/>
                <a:cs typeface="Century Gothic"/>
              </a:rPr>
              <a:t> </a:t>
            </a:r>
            <a:r>
              <a:rPr sz="1200" b="1" dirty="0">
                <a:latin typeface="Century Gothic"/>
                <a:cs typeface="Century Gothic"/>
              </a:rPr>
              <a:t>et</a:t>
            </a:r>
            <a:r>
              <a:rPr sz="1200" b="1" spc="-20" dirty="0">
                <a:latin typeface="Century Gothic"/>
                <a:cs typeface="Century Gothic"/>
              </a:rPr>
              <a:t> </a:t>
            </a:r>
            <a:r>
              <a:rPr sz="1200" b="1" dirty="0">
                <a:latin typeface="Century Gothic"/>
                <a:cs typeface="Century Gothic"/>
              </a:rPr>
              <a:t>al.,</a:t>
            </a:r>
            <a:r>
              <a:rPr sz="1200" b="1" spc="-20" dirty="0">
                <a:latin typeface="Century Gothic"/>
                <a:cs typeface="Century Gothic"/>
              </a:rPr>
              <a:t> </a:t>
            </a:r>
            <a:r>
              <a:rPr sz="1200" b="1" dirty="0">
                <a:latin typeface="Century Gothic"/>
                <a:cs typeface="Century Gothic"/>
              </a:rPr>
              <a:t>nature</a:t>
            </a:r>
            <a:r>
              <a:rPr sz="1200" b="1" spc="-15" dirty="0">
                <a:latin typeface="Century Gothic"/>
                <a:cs typeface="Century Gothic"/>
              </a:rPr>
              <a:t> </a:t>
            </a:r>
            <a:r>
              <a:rPr sz="1200" b="1" dirty="0">
                <a:latin typeface="Century Gothic"/>
                <a:cs typeface="Century Gothic"/>
              </a:rPr>
              <a:t>vol.547,</a:t>
            </a:r>
            <a:r>
              <a:rPr sz="1200" b="1" spc="-10" dirty="0">
                <a:latin typeface="Century Gothic"/>
                <a:cs typeface="Century Gothic"/>
              </a:rPr>
              <a:t> </a:t>
            </a:r>
            <a:r>
              <a:rPr sz="1200" b="1" dirty="0">
                <a:latin typeface="Century Gothic"/>
                <a:cs typeface="Century Gothic"/>
              </a:rPr>
              <a:t>27,</a:t>
            </a:r>
            <a:r>
              <a:rPr sz="1200" b="1" spc="-10" dirty="0">
                <a:latin typeface="Century Gothic"/>
                <a:cs typeface="Century Gothic"/>
              </a:rPr>
              <a:t> p428-431(2017)</a:t>
            </a:r>
            <a:endParaRPr sz="1200" dirty="0">
              <a:latin typeface="Century Gothic"/>
              <a:cs typeface="Century Gothic"/>
            </a:endParaRPr>
          </a:p>
        </p:txBody>
      </p:sp>
      <p:sp>
        <p:nvSpPr>
          <p:cNvPr id="11" name="object 11"/>
          <p:cNvSpPr txBox="1"/>
          <p:nvPr/>
        </p:nvSpPr>
        <p:spPr>
          <a:xfrm>
            <a:off x="6144005" y="941069"/>
            <a:ext cx="4105910" cy="1481816"/>
          </a:xfrm>
          <a:prstGeom prst="rect">
            <a:avLst/>
          </a:prstGeom>
          <a:ln w="38100">
            <a:solidFill>
              <a:srgbClr val="000000"/>
            </a:solidFill>
          </a:ln>
        </p:spPr>
        <p:txBody>
          <a:bodyPr vert="horz" wrap="square" lIns="0" tIns="86995" rIns="0" bIns="0" rtlCol="0">
            <a:spAutoFit/>
          </a:bodyPr>
          <a:lstStyle/>
          <a:p>
            <a:pPr marL="837565">
              <a:spcBef>
                <a:spcPts val="685"/>
              </a:spcBef>
            </a:pPr>
            <a:r>
              <a:rPr sz="1600" b="1" spc="-30" dirty="0">
                <a:latin typeface="メイリオ"/>
                <a:cs typeface="メイリオ"/>
              </a:rPr>
              <a:t>スピン波デバイス</a:t>
            </a:r>
            <a:endParaRPr sz="1600">
              <a:latin typeface="メイリオ"/>
              <a:cs typeface="メイリオ"/>
            </a:endParaRPr>
          </a:p>
          <a:p>
            <a:pPr marL="497840" marR="628015">
              <a:lnSpc>
                <a:spcPct val="102800"/>
              </a:lnSpc>
              <a:spcBef>
                <a:spcPts val="455"/>
              </a:spcBef>
            </a:pPr>
            <a:r>
              <a:rPr spc="-5" dirty="0">
                <a:latin typeface="メイリオ"/>
                <a:cs typeface="メイリオ"/>
              </a:rPr>
              <a:t>入力に対する磁性体薄膜内のスピン波の干渉を利用！</a:t>
            </a:r>
            <a:endParaRPr>
              <a:latin typeface="メイリオ"/>
              <a:cs typeface="メイリオ"/>
            </a:endParaRPr>
          </a:p>
          <a:p>
            <a:pPr marL="149860">
              <a:spcBef>
                <a:spcPts val="300"/>
              </a:spcBef>
            </a:pPr>
            <a:r>
              <a:rPr sz="1000" b="1" dirty="0">
                <a:latin typeface="ＭＳ ゴシック"/>
                <a:cs typeface="ＭＳ ゴシック"/>
              </a:rPr>
              <a:t>※</a:t>
            </a:r>
            <a:r>
              <a:rPr sz="1000" b="1" dirty="0">
                <a:latin typeface="メイリオ"/>
                <a:cs typeface="メイリオ"/>
              </a:rPr>
              <a:t>東京大学  プレスリリース</a:t>
            </a:r>
            <a:r>
              <a:rPr sz="1000" b="1" spc="-10" dirty="0">
                <a:latin typeface="メイリオ"/>
                <a:cs typeface="メイリオ"/>
              </a:rPr>
              <a:t>（</a:t>
            </a:r>
            <a:r>
              <a:rPr sz="1000" b="1" spc="-10" dirty="0">
                <a:latin typeface="Century Gothic"/>
                <a:cs typeface="Century Gothic"/>
              </a:rPr>
              <a:t>2018/02/23</a:t>
            </a:r>
            <a:r>
              <a:rPr sz="1000" b="1" spc="-10" dirty="0">
                <a:latin typeface="メイリオ"/>
                <a:cs typeface="メイリオ"/>
              </a:rPr>
              <a:t>）</a:t>
            </a:r>
            <a:endParaRPr sz="1000">
              <a:latin typeface="メイリオ"/>
              <a:cs typeface="メイリオ"/>
            </a:endParaRPr>
          </a:p>
          <a:p>
            <a:pPr marL="149860" marR="64769">
              <a:spcBef>
                <a:spcPts val="85"/>
              </a:spcBef>
            </a:pPr>
            <a:r>
              <a:rPr sz="1000" b="1" spc="-10" dirty="0">
                <a:latin typeface="Century Gothic"/>
                <a:cs typeface="Century Gothic"/>
                <a:hlinkClick r:id="rId2"/>
              </a:rPr>
              <a:t>http://www.t.u-</a:t>
            </a:r>
            <a:r>
              <a:rPr sz="1000" b="1" spc="-10" dirty="0">
                <a:latin typeface="Century Gothic"/>
                <a:cs typeface="Century Gothic"/>
              </a:rPr>
              <a:t> tokyo.ac.jp/soe/press/setnws_201802231415194061626317.html</a:t>
            </a:r>
            <a:endParaRPr sz="1000">
              <a:latin typeface="Century Gothic"/>
              <a:cs typeface="Century Gothic"/>
            </a:endParaRPr>
          </a:p>
        </p:txBody>
      </p:sp>
      <p:graphicFrame>
        <p:nvGraphicFramePr>
          <p:cNvPr id="12" name="object 12"/>
          <p:cNvGraphicFramePr>
            <a:graphicFrameLocks noGrp="1"/>
          </p:cNvGraphicFramePr>
          <p:nvPr/>
        </p:nvGraphicFramePr>
        <p:xfrm>
          <a:off x="6506465" y="2582545"/>
          <a:ext cx="3984624" cy="2969895"/>
        </p:xfrm>
        <a:graphic>
          <a:graphicData uri="http://schemas.openxmlformats.org/drawingml/2006/table">
            <a:tbl>
              <a:tblPr firstRow="1" bandRow="1">
                <a:tableStyleId>{2D5ABB26-0587-4C30-8999-92F81FD0307C}</a:tableStyleId>
              </a:tblPr>
              <a:tblGrid>
                <a:gridCol w="1001394">
                  <a:extLst>
                    <a:ext uri="{9D8B030D-6E8A-4147-A177-3AD203B41FA5}">
                      <a16:colId xmlns:a16="http://schemas.microsoft.com/office/drawing/2014/main" val="20000"/>
                    </a:ext>
                  </a:extLst>
                </a:gridCol>
                <a:gridCol w="2983230">
                  <a:extLst>
                    <a:ext uri="{9D8B030D-6E8A-4147-A177-3AD203B41FA5}">
                      <a16:colId xmlns:a16="http://schemas.microsoft.com/office/drawing/2014/main" val="20001"/>
                    </a:ext>
                  </a:extLst>
                </a:gridCol>
              </a:tblGrid>
              <a:tr h="370205">
                <a:tc>
                  <a:txBody>
                    <a:bodyPr/>
                    <a:lstStyle/>
                    <a:p>
                      <a:pPr marL="92075">
                        <a:lnSpc>
                          <a:spcPct val="100000"/>
                        </a:lnSpc>
                        <a:spcBef>
                          <a:spcPts val="250"/>
                        </a:spcBef>
                      </a:pPr>
                      <a:r>
                        <a:rPr sz="1000" b="1" spc="-20" dirty="0">
                          <a:solidFill>
                            <a:srgbClr val="FFFFFF"/>
                          </a:solidFill>
                          <a:latin typeface="メイリオ"/>
                          <a:cs typeface="メイリオ"/>
                        </a:rPr>
                        <a:t>カテゴリ</a:t>
                      </a:r>
                      <a:endParaRPr sz="1000">
                        <a:latin typeface="メイリオ"/>
                        <a:cs typeface="メイリオ"/>
                      </a:endParaRPr>
                    </a:p>
                  </a:txBody>
                  <a:tcPr marL="0" marR="0" marT="3175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4471C4"/>
                    </a:solidFill>
                  </a:tcPr>
                </a:tc>
                <a:tc>
                  <a:txBody>
                    <a:bodyPr/>
                    <a:lstStyle/>
                    <a:p>
                      <a:pPr marL="92075">
                        <a:lnSpc>
                          <a:spcPct val="100000"/>
                        </a:lnSpc>
                        <a:spcBef>
                          <a:spcPts val="265"/>
                        </a:spcBef>
                      </a:pPr>
                      <a:r>
                        <a:rPr sz="1000" b="1" spc="-10" dirty="0">
                          <a:solidFill>
                            <a:srgbClr val="FFFFFF"/>
                          </a:solidFill>
                          <a:latin typeface="メイリオ"/>
                          <a:cs typeface="メイリオ"/>
                        </a:rPr>
                        <a:t>例</a:t>
                      </a:r>
                      <a:r>
                        <a:rPr sz="1000" b="1" spc="-20" dirty="0">
                          <a:solidFill>
                            <a:srgbClr val="FFFFFF"/>
                          </a:solidFill>
                          <a:latin typeface="メイリオ"/>
                          <a:cs typeface="メイリオ"/>
                        </a:rPr>
                        <a:t>（</a:t>
                      </a:r>
                      <a:r>
                        <a:rPr sz="1000" b="1" spc="-20" dirty="0">
                          <a:solidFill>
                            <a:srgbClr val="FFFFFF"/>
                          </a:solidFill>
                          <a:latin typeface="ＭＳ ゴシック"/>
                          <a:cs typeface="ＭＳ ゴシック"/>
                        </a:rPr>
                        <a:t>※</a:t>
                      </a:r>
                      <a:r>
                        <a:rPr sz="1000" b="1" spc="-20" dirty="0">
                          <a:solidFill>
                            <a:srgbClr val="FFFFFF"/>
                          </a:solidFill>
                          <a:latin typeface="Century Gothic"/>
                          <a:cs typeface="Century Gothic"/>
                        </a:rPr>
                        <a:t>9</a:t>
                      </a:r>
                      <a:r>
                        <a:rPr sz="1000" b="1" spc="-20" dirty="0">
                          <a:solidFill>
                            <a:srgbClr val="FFFFFF"/>
                          </a:solidFill>
                          <a:latin typeface="メイリオ"/>
                          <a:cs typeface="メイリオ"/>
                        </a:rPr>
                        <a:t>）</a:t>
                      </a:r>
                      <a:endParaRPr sz="1000" dirty="0">
                        <a:latin typeface="メイリオ"/>
                        <a:cs typeface="メイリオ"/>
                      </a:endParaRPr>
                    </a:p>
                  </a:txBody>
                  <a:tcPr marL="0" marR="0" marT="33655"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4471C4"/>
                    </a:solidFill>
                  </a:tcPr>
                </a:tc>
                <a:extLst>
                  <a:ext uri="{0D108BD9-81ED-4DB2-BD59-A6C34878D82A}">
                    <a16:rowId xmlns:a16="http://schemas.microsoft.com/office/drawing/2014/main" val="10000"/>
                  </a:ext>
                </a:extLst>
              </a:tr>
              <a:tr h="370205">
                <a:tc>
                  <a:txBody>
                    <a:bodyPr/>
                    <a:lstStyle/>
                    <a:p>
                      <a:pPr marL="92075">
                        <a:lnSpc>
                          <a:spcPct val="100000"/>
                        </a:lnSpc>
                        <a:spcBef>
                          <a:spcPts val="250"/>
                        </a:spcBef>
                      </a:pPr>
                      <a:r>
                        <a:rPr sz="1000" b="1" spc="-20" dirty="0">
                          <a:latin typeface="メイリオ"/>
                          <a:cs typeface="メイリオ"/>
                        </a:rPr>
                        <a:t>力学系モデル</a:t>
                      </a:r>
                      <a:endParaRPr sz="1000">
                        <a:latin typeface="メイリオ"/>
                        <a:cs typeface="メイリオ"/>
                      </a:endParaRPr>
                    </a:p>
                  </a:txBody>
                  <a:tcPr marL="0" marR="0" marT="31750"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rgbClr val="CFD4EA"/>
                    </a:solidFill>
                  </a:tcPr>
                </a:tc>
                <a:tc>
                  <a:txBody>
                    <a:bodyPr/>
                    <a:lstStyle/>
                    <a:p>
                      <a:pPr marL="92075">
                        <a:lnSpc>
                          <a:spcPct val="100000"/>
                        </a:lnSpc>
                        <a:spcBef>
                          <a:spcPts val="250"/>
                        </a:spcBef>
                      </a:pPr>
                      <a:r>
                        <a:rPr sz="1000" b="1" spc="-15" dirty="0">
                          <a:latin typeface="メイリオ"/>
                          <a:cs typeface="メイリオ"/>
                        </a:rPr>
                        <a:t>遅延力学系、セルオートマトン、結合振動子系等</a:t>
                      </a:r>
                      <a:endParaRPr sz="1000">
                        <a:latin typeface="メイリオ"/>
                        <a:cs typeface="メイリオ"/>
                      </a:endParaRPr>
                    </a:p>
                  </a:txBody>
                  <a:tcPr marL="0" marR="0" marT="31750"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rgbClr val="CFD4EA"/>
                    </a:solidFill>
                  </a:tcPr>
                </a:tc>
                <a:extLst>
                  <a:ext uri="{0D108BD9-81ED-4DB2-BD59-A6C34878D82A}">
                    <a16:rowId xmlns:a16="http://schemas.microsoft.com/office/drawing/2014/main" val="10001"/>
                  </a:ext>
                </a:extLst>
              </a:tr>
              <a:tr h="370205">
                <a:tc>
                  <a:txBody>
                    <a:bodyPr/>
                    <a:lstStyle/>
                    <a:p>
                      <a:pPr marL="92075">
                        <a:lnSpc>
                          <a:spcPct val="100000"/>
                        </a:lnSpc>
                        <a:spcBef>
                          <a:spcPts val="254"/>
                        </a:spcBef>
                      </a:pPr>
                      <a:r>
                        <a:rPr sz="1000" b="1" spc="40" dirty="0">
                          <a:latin typeface="メイリオ"/>
                          <a:cs typeface="メイリオ"/>
                        </a:rPr>
                        <a:t>電気・電子系</a:t>
                      </a:r>
                      <a:endParaRPr sz="100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tc>
                  <a:txBody>
                    <a:bodyPr/>
                    <a:lstStyle/>
                    <a:p>
                      <a:pPr marL="92075">
                        <a:lnSpc>
                          <a:spcPct val="100000"/>
                        </a:lnSpc>
                        <a:spcBef>
                          <a:spcPts val="254"/>
                        </a:spcBef>
                      </a:pPr>
                      <a:r>
                        <a:rPr sz="1000" b="1" spc="-10" dirty="0">
                          <a:latin typeface="Century Gothic"/>
                          <a:cs typeface="Century Gothic"/>
                        </a:rPr>
                        <a:t>ASIC,FPGA,VLSI,</a:t>
                      </a:r>
                      <a:r>
                        <a:rPr sz="1000" b="1" spc="-20" dirty="0">
                          <a:latin typeface="メイリオ"/>
                          <a:cs typeface="メイリオ"/>
                        </a:rPr>
                        <a:t>アナログ回路等</a:t>
                      </a:r>
                      <a:endParaRPr sz="1000" dirty="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extLst>
                  <a:ext uri="{0D108BD9-81ED-4DB2-BD59-A6C34878D82A}">
                    <a16:rowId xmlns:a16="http://schemas.microsoft.com/office/drawing/2014/main" val="10002"/>
                  </a:ext>
                </a:extLst>
              </a:tr>
              <a:tr h="370840">
                <a:tc>
                  <a:txBody>
                    <a:bodyPr/>
                    <a:lstStyle/>
                    <a:p>
                      <a:pPr marL="92075">
                        <a:lnSpc>
                          <a:spcPct val="100000"/>
                        </a:lnSpc>
                        <a:spcBef>
                          <a:spcPts val="254"/>
                        </a:spcBef>
                      </a:pPr>
                      <a:r>
                        <a:rPr sz="1000" b="1" spc="-25" dirty="0">
                          <a:latin typeface="メイリオ"/>
                          <a:cs typeface="メイリオ"/>
                        </a:rPr>
                        <a:t>光学系</a:t>
                      </a:r>
                      <a:endParaRPr sz="100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tc>
                  <a:txBody>
                    <a:bodyPr/>
                    <a:lstStyle/>
                    <a:p>
                      <a:pPr marL="92075">
                        <a:lnSpc>
                          <a:spcPct val="100000"/>
                        </a:lnSpc>
                        <a:spcBef>
                          <a:spcPts val="254"/>
                        </a:spcBef>
                      </a:pPr>
                      <a:r>
                        <a:rPr sz="1000" b="1" spc="-15" dirty="0">
                          <a:latin typeface="メイリオ"/>
                          <a:cs typeface="メイリオ"/>
                        </a:rPr>
                        <a:t>半導体光増幅器、戻り光を有するレーザ等</a:t>
                      </a:r>
                      <a:endParaRPr sz="1000" dirty="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extLst>
                  <a:ext uri="{0D108BD9-81ED-4DB2-BD59-A6C34878D82A}">
                    <a16:rowId xmlns:a16="http://schemas.microsoft.com/office/drawing/2014/main" val="10003"/>
                  </a:ext>
                </a:extLst>
              </a:tr>
              <a:tr h="370205">
                <a:tc>
                  <a:txBody>
                    <a:bodyPr/>
                    <a:lstStyle/>
                    <a:p>
                      <a:pPr marL="92075">
                        <a:lnSpc>
                          <a:spcPct val="100000"/>
                        </a:lnSpc>
                        <a:spcBef>
                          <a:spcPts val="254"/>
                        </a:spcBef>
                      </a:pPr>
                      <a:r>
                        <a:rPr sz="1000" b="1" spc="-20" dirty="0">
                          <a:latin typeface="メイリオ"/>
                          <a:cs typeface="メイリオ"/>
                        </a:rPr>
                        <a:t>スピン系</a:t>
                      </a:r>
                      <a:endParaRPr sz="100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tc>
                  <a:txBody>
                    <a:bodyPr/>
                    <a:lstStyle/>
                    <a:p>
                      <a:pPr marL="92075">
                        <a:lnSpc>
                          <a:spcPct val="100000"/>
                        </a:lnSpc>
                        <a:spcBef>
                          <a:spcPts val="254"/>
                        </a:spcBef>
                      </a:pPr>
                      <a:r>
                        <a:rPr sz="1000" b="1" spc="-15" dirty="0">
                          <a:latin typeface="メイリオ"/>
                          <a:cs typeface="メイリオ"/>
                        </a:rPr>
                        <a:t>スピントルク振動子、スピン波等</a:t>
                      </a:r>
                      <a:endParaRPr sz="100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extLst>
                  <a:ext uri="{0D108BD9-81ED-4DB2-BD59-A6C34878D82A}">
                    <a16:rowId xmlns:a16="http://schemas.microsoft.com/office/drawing/2014/main" val="10004"/>
                  </a:ext>
                </a:extLst>
              </a:tr>
              <a:tr h="370840">
                <a:tc>
                  <a:txBody>
                    <a:bodyPr/>
                    <a:lstStyle/>
                    <a:p>
                      <a:pPr marL="92075">
                        <a:lnSpc>
                          <a:spcPct val="100000"/>
                        </a:lnSpc>
                        <a:spcBef>
                          <a:spcPts val="254"/>
                        </a:spcBef>
                      </a:pPr>
                      <a:r>
                        <a:rPr sz="1000" b="1" spc="-25" dirty="0">
                          <a:latin typeface="メイリオ"/>
                          <a:cs typeface="メイリオ"/>
                        </a:rPr>
                        <a:t>機械系</a:t>
                      </a:r>
                      <a:endParaRPr sz="100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tc>
                  <a:txBody>
                    <a:bodyPr/>
                    <a:lstStyle/>
                    <a:p>
                      <a:pPr marL="92075">
                        <a:lnSpc>
                          <a:spcPct val="100000"/>
                        </a:lnSpc>
                        <a:spcBef>
                          <a:spcPts val="254"/>
                        </a:spcBef>
                      </a:pPr>
                      <a:r>
                        <a:rPr sz="1000" b="1" spc="-15" dirty="0">
                          <a:latin typeface="メイリオ"/>
                          <a:cs typeface="メイリオ"/>
                        </a:rPr>
                        <a:t>ソフトロボット、ばね質点系等</a:t>
                      </a:r>
                      <a:endParaRPr sz="100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FD4EA"/>
                    </a:solidFill>
                  </a:tcPr>
                </a:tc>
                <a:extLst>
                  <a:ext uri="{0D108BD9-81ED-4DB2-BD59-A6C34878D82A}">
                    <a16:rowId xmlns:a16="http://schemas.microsoft.com/office/drawing/2014/main" val="10005"/>
                  </a:ext>
                </a:extLst>
              </a:tr>
              <a:tr h="370205">
                <a:tc>
                  <a:txBody>
                    <a:bodyPr/>
                    <a:lstStyle/>
                    <a:p>
                      <a:pPr marL="92075">
                        <a:lnSpc>
                          <a:spcPct val="100000"/>
                        </a:lnSpc>
                        <a:spcBef>
                          <a:spcPts val="254"/>
                        </a:spcBef>
                      </a:pPr>
                      <a:r>
                        <a:rPr sz="1000" b="1" spc="-30" dirty="0">
                          <a:latin typeface="メイリオ"/>
                          <a:cs typeface="メイリオ"/>
                        </a:rPr>
                        <a:t>生物系</a:t>
                      </a:r>
                      <a:endParaRPr sz="100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tc>
                  <a:txBody>
                    <a:bodyPr/>
                    <a:lstStyle/>
                    <a:p>
                      <a:pPr marL="92075">
                        <a:lnSpc>
                          <a:spcPct val="100000"/>
                        </a:lnSpc>
                        <a:spcBef>
                          <a:spcPts val="254"/>
                        </a:spcBef>
                      </a:pPr>
                      <a:r>
                        <a:rPr sz="1000" b="1" spc="-20" dirty="0">
                          <a:latin typeface="メイリオ"/>
                          <a:cs typeface="メイリオ"/>
                        </a:rPr>
                        <a:t>脳部位、培養細胞</a:t>
                      </a:r>
                      <a:endParaRPr sz="100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9EBF5"/>
                    </a:solidFill>
                  </a:tcPr>
                </a:tc>
                <a:extLst>
                  <a:ext uri="{0D108BD9-81ED-4DB2-BD59-A6C34878D82A}">
                    <a16:rowId xmlns:a16="http://schemas.microsoft.com/office/drawing/2014/main" val="10006"/>
                  </a:ext>
                </a:extLst>
              </a:tr>
              <a:tr h="377190">
                <a:tc>
                  <a:txBody>
                    <a:bodyPr/>
                    <a:lstStyle/>
                    <a:p>
                      <a:pPr marL="92075">
                        <a:lnSpc>
                          <a:spcPct val="100000"/>
                        </a:lnSpc>
                        <a:spcBef>
                          <a:spcPts val="254"/>
                        </a:spcBef>
                      </a:pPr>
                      <a:r>
                        <a:rPr sz="1000" b="1" spc="-30" dirty="0">
                          <a:latin typeface="メイリオ"/>
                          <a:cs typeface="メイリオ"/>
                        </a:rPr>
                        <a:t>その他</a:t>
                      </a:r>
                      <a:endParaRPr sz="100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solidFill>
                      <a:srgbClr val="CFD4EA"/>
                    </a:solidFill>
                  </a:tcPr>
                </a:tc>
                <a:tc>
                  <a:txBody>
                    <a:bodyPr/>
                    <a:lstStyle/>
                    <a:p>
                      <a:pPr marL="92075">
                        <a:lnSpc>
                          <a:spcPct val="100000"/>
                        </a:lnSpc>
                        <a:spcBef>
                          <a:spcPts val="254"/>
                        </a:spcBef>
                      </a:pPr>
                      <a:r>
                        <a:rPr sz="1000" b="1" spc="-20" dirty="0">
                          <a:latin typeface="メイリオ"/>
                          <a:cs typeface="メイリオ"/>
                        </a:rPr>
                        <a:t>ナノスケール材料、量子系</a:t>
                      </a:r>
                      <a:endParaRPr sz="1000" dirty="0">
                        <a:latin typeface="メイリオ"/>
                        <a:cs typeface="メイリオ"/>
                      </a:endParaRPr>
                    </a:p>
                  </a:txBody>
                  <a:tcPr marL="0" marR="0" marT="32384" marB="0">
                    <a:lnL w="12700">
                      <a:solidFill>
                        <a:srgbClr val="FFFFFF"/>
                      </a:solidFill>
                      <a:prstDash val="solid"/>
                    </a:lnL>
                    <a:lnR w="12700">
                      <a:solidFill>
                        <a:srgbClr val="FFFFFF"/>
                      </a:solidFill>
                      <a:prstDash val="solid"/>
                    </a:lnR>
                    <a:lnT w="12700">
                      <a:solidFill>
                        <a:srgbClr val="FFFFFF"/>
                      </a:solidFill>
                      <a:prstDash val="solid"/>
                    </a:lnT>
                    <a:solidFill>
                      <a:srgbClr val="CFD4EA"/>
                    </a:solidFill>
                  </a:tcPr>
                </a:tc>
                <a:extLst>
                  <a:ext uri="{0D108BD9-81ED-4DB2-BD59-A6C34878D82A}">
                    <a16:rowId xmlns:a16="http://schemas.microsoft.com/office/drawing/2014/main" val="10007"/>
                  </a:ext>
                </a:extLst>
              </a:tr>
            </a:tbl>
          </a:graphicData>
        </a:graphic>
      </p:graphicFrame>
      <p:sp>
        <p:nvSpPr>
          <p:cNvPr id="13" name="object 13"/>
          <p:cNvSpPr/>
          <p:nvPr/>
        </p:nvSpPr>
        <p:spPr>
          <a:xfrm>
            <a:off x="6506464" y="5555615"/>
            <a:ext cx="3997960" cy="0"/>
          </a:xfrm>
          <a:custGeom>
            <a:avLst/>
            <a:gdLst/>
            <a:ahLst/>
            <a:cxnLst/>
            <a:rect l="l" t="t" r="r" b="b"/>
            <a:pathLst>
              <a:path w="3997959">
                <a:moveTo>
                  <a:pt x="0" y="0"/>
                </a:moveTo>
                <a:lnTo>
                  <a:pt x="3997706" y="0"/>
                </a:lnTo>
              </a:path>
            </a:pathLst>
          </a:custGeom>
          <a:ln w="12700">
            <a:solidFill>
              <a:srgbClr val="FFFFFF"/>
            </a:solidFill>
          </a:ln>
        </p:spPr>
        <p:txBody>
          <a:bodyPr wrap="square" lIns="0" tIns="0" rIns="0" bIns="0" rtlCol="0"/>
          <a:lstStyle/>
          <a:p>
            <a:endParaRPr/>
          </a:p>
        </p:txBody>
      </p:sp>
      <p:sp>
        <p:nvSpPr>
          <p:cNvPr id="16" name="正方形/長方形 15">
            <a:extLst>
              <a:ext uri="{FF2B5EF4-FFF2-40B4-BE49-F238E27FC236}">
                <a16:creationId xmlns:a16="http://schemas.microsoft.com/office/drawing/2014/main" id="{66895B86-FE57-C753-0A9E-3F923AF2313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ナノマテリアル</a:t>
            </a:r>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CB91481A-8BC9-0153-45F2-A967DC5B8929}"/>
              </a:ext>
            </a:extLst>
          </p:cNvPr>
          <p:cNvSpPr/>
          <p:nvPr/>
        </p:nvSpPr>
        <p:spPr>
          <a:xfrm>
            <a:off x="0" y="0"/>
            <a:ext cx="12192000" cy="6858000"/>
          </a:xfrm>
          <a:prstGeom prst="rect">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a:extLst>
              <a:ext uri="{FF2B5EF4-FFF2-40B4-BE49-F238E27FC236}">
                <a16:creationId xmlns:a16="http://schemas.microsoft.com/office/drawing/2014/main" id="{42E70F4F-0068-BA4F-86DA-069E75A81E2D}"/>
              </a:ext>
            </a:extLst>
          </p:cNvPr>
          <p:cNvSpPr txBox="1"/>
          <p:nvPr/>
        </p:nvSpPr>
        <p:spPr>
          <a:xfrm>
            <a:off x="1" y="2705725"/>
            <a:ext cx="12191999" cy="1446550"/>
          </a:xfrm>
          <a:prstGeom prst="rect">
            <a:avLst/>
          </a:prstGeom>
          <a:noFill/>
        </p:spPr>
        <p:txBody>
          <a:bodyPr wrap="square" rtlCol="0">
            <a:spAutoFit/>
          </a:bodyPr>
          <a:lstStyle/>
          <a:p>
            <a:pPr algn="ctr"/>
            <a:r>
              <a:rPr kumimoji="1" lang="ja-JP" altLang="en-US"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物理リザバー計算機</a:t>
            </a:r>
            <a:endParaRPr kumimoji="1" lang="en-US" altLang="ja-JP"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endParaRPr>
          </a:p>
        </p:txBody>
      </p:sp>
    </p:spTree>
    <p:extLst>
      <p:ext uri="{BB962C8B-B14F-4D97-AF65-F5344CB8AC3E}">
        <p14:creationId xmlns:p14="http://schemas.microsoft.com/office/powerpoint/2010/main" val="48334457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18FD7A9F-FC0B-281B-3FD4-CAC9CB67C603}"/>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リザーバー計算機</a:t>
            </a:r>
          </a:p>
        </p:txBody>
      </p:sp>
      <p:sp>
        <p:nvSpPr>
          <p:cNvPr id="3" name="四角形: 角を丸くする 2">
            <a:extLst>
              <a:ext uri="{FF2B5EF4-FFF2-40B4-BE49-F238E27FC236}">
                <a16:creationId xmlns:a16="http://schemas.microsoft.com/office/drawing/2014/main" id="{E6795165-6D92-F383-836A-D4758BE24F42}"/>
              </a:ext>
            </a:extLst>
          </p:cNvPr>
          <p:cNvSpPr/>
          <p:nvPr/>
        </p:nvSpPr>
        <p:spPr>
          <a:xfrm>
            <a:off x="1334653" y="1330036"/>
            <a:ext cx="1191491" cy="4858328"/>
          </a:xfrm>
          <a:prstGeom prst="roundRect">
            <a:avLst/>
          </a:prstGeom>
          <a:solidFill>
            <a:srgbClr val="FFFF00"/>
          </a:solidFill>
          <a:ln>
            <a:solidFill>
              <a:srgbClr val="FFC000"/>
            </a:solidFill>
          </a:ln>
          <a:effectLst>
            <a:glow rad="101600">
              <a:schemeClr val="accent3">
                <a:satMod val="175000"/>
                <a:alpha val="40000"/>
              </a:schemeClr>
            </a:glow>
          </a:effectLst>
        </p:spPr>
        <p:style>
          <a:lnRef idx="2">
            <a:schemeClr val="accent4">
              <a:shade val="15000"/>
            </a:schemeClr>
          </a:lnRef>
          <a:fillRef idx="1">
            <a:schemeClr val="accent4"/>
          </a:fillRef>
          <a:effectRef idx="0">
            <a:schemeClr val="accent4"/>
          </a:effectRef>
          <a:fontRef idx="minor">
            <a:schemeClr val="lt1"/>
          </a:fontRef>
        </p:style>
        <p:txBody>
          <a:bodyPr rtlCol="0" anchor="ctr"/>
          <a:lstStyle/>
          <a:p>
            <a:pPr algn="ctr"/>
            <a:r>
              <a:rPr kumimoji="1" lang="ja-JP" altLang="en-US" sz="4400" dirty="0">
                <a:solidFill>
                  <a:schemeClr val="tx1"/>
                </a:solidFill>
                <a:latin typeface="BIZ UDPゴシック" panose="020B0400000000000000" pitchFamily="50" charset="-128"/>
                <a:ea typeface="BIZ UDPゴシック" panose="020B0400000000000000" pitchFamily="50" charset="-128"/>
              </a:rPr>
              <a:t>入力</a:t>
            </a:r>
            <a:endParaRPr kumimoji="1" lang="en-US" altLang="ja-JP" sz="44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4400" dirty="0">
                <a:solidFill>
                  <a:schemeClr val="tx1"/>
                </a:solidFill>
                <a:latin typeface="BIZ UDPゴシック" panose="020B0400000000000000" pitchFamily="50" charset="-128"/>
                <a:ea typeface="BIZ UDPゴシック" panose="020B0400000000000000" pitchFamily="50" charset="-128"/>
              </a:rPr>
              <a:t>層</a:t>
            </a:r>
            <a:endParaRPr kumimoji="1" lang="ja-JP" altLang="en-US" sz="4400" dirty="0">
              <a:solidFill>
                <a:schemeClr val="tx1"/>
              </a:solidFill>
              <a:latin typeface="BIZ UDPゴシック" panose="020B0400000000000000" pitchFamily="50" charset="-128"/>
              <a:ea typeface="BIZ UDPゴシック" panose="020B0400000000000000" pitchFamily="50" charset="-128"/>
            </a:endParaRPr>
          </a:p>
        </p:txBody>
      </p:sp>
      <p:sp>
        <p:nvSpPr>
          <p:cNvPr id="4" name="四角形: 角を丸くする 3">
            <a:extLst>
              <a:ext uri="{FF2B5EF4-FFF2-40B4-BE49-F238E27FC236}">
                <a16:creationId xmlns:a16="http://schemas.microsoft.com/office/drawing/2014/main" id="{89488EA5-77A5-9C0F-5C98-432E2505E539}"/>
              </a:ext>
            </a:extLst>
          </p:cNvPr>
          <p:cNvSpPr/>
          <p:nvPr/>
        </p:nvSpPr>
        <p:spPr>
          <a:xfrm>
            <a:off x="3768435" y="1330036"/>
            <a:ext cx="4479636" cy="4858328"/>
          </a:xfrm>
          <a:prstGeom prst="roundRect">
            <a:avLst>
              <a:gd name="adj" fmla="val 8007"/>
            </a:avLst>
          </a:prstGeom>
          <a:ln>
            <a:solidFill>
              <a:srgbClr val="FFC000"/>
            </a:solidFill>
          </a:ln>
          <a:effectLst>
            <a:glow rad="101600">
              <a:schemeClr val="accent3">
                <a:satMod val="175000"/>
                <a:alpha val="40000"/>
              </a:schemeClr>
            </a:glow>
          </a:effectLst>
        </p:spPr>
        <p:style>
          <a:lnRef idx="2">
            <a:schemeClr val="accent4">
              <a:shade val="15000"/>
            </a:schemeClr>
          </a:lnRef>
          <a:fillRef idx="1">
            <a:schemeClr val="accent4"/>
          </a:fillRef>
          <a:effectRef idx="0">
            <a:schemeClr val="accent4"/>
          </a:effectRef>
          <a:fontRef idx="minor">
            <a:schemeClr val="lt1"/>
          </a:fontRef>
        </p:style>
        <p:txBody>
          <a:bodyPr rtlCol="0" anchor="ctr"/>
          <a:lstStyle/>
          <a:p>
            <a:pPr algn="ctr"/>
            <a:endParaRPr kumimoji="1" lang="ja-JP" altLang="en-US" sz="4400" dirty="0">
              <a:solidFill>
                <a:schemeClr val="tx1"/>
              </a:solidFill>
              <a:latin typeface="BIZ UDPゴシック" panose="020B0400000000000000" pitchFamily="50" charset="-128"/>
              <a:ea typeface="BIZ UDPゴシック" panose="020B0400000000000000" pitchFamily="50" charset="-128"/>
            </a:endParaRPr>
          </a:p>
        </p:txBody>
      </p:sp>
      <p:sp>
        <p:nvSpPr>
          <p:cNvPr id="5" name="四角形: 角を丸くする 4">
            <a:extLst>
              <a:ext uri="{FF2B5EF4-FFF2-40B4-BE49-F238E27FC236}">
                <a16:creationId xmlns:a16="http://schemas.microsoft.com/office/drawing/2014/main" id="{463F15A2-5E2D-6608-4E42-6D857F6A3297}"/>
              </a:ext>
            </a:extLst>
          </p:cNvPr>
          <p:cNvSpPr/>
          <p:nvPr/>
        </p:nvSpPr>
        <p:spPr>
          <a:xfrm>
            <a:off x="9541162" y="1330036"/>
            <a:ext cx="1191491" cy="4858328"/>
          </a:xfrm>
          <a:prstGeom prst="roundRect">
            <a:avLst/>
          </a:prstGeom>
          <a:solidFill>
            <a:schemeClr val="accent6">
              <a:lumMod val="60000"/>
              <a:lumOff val="40000"/>
            </a:schemeClr>
          </a:solidFill>
          <a:ln>
            <a:solidFill>
              <a:srgbClr val="FFC000"/>
            </a:solidFill>
          </a:ln>
          <a:effectLst>
            <a:glow rad="101600">
              <a:schemeClr val="accent3">
                <a:satMod val="175000"/>
                <a:alpha val="40000"/>
              </a:schemeClr>
            </a:glow>
          </a:effectLst>
        </p:spPr>
        <p:style>
          <a:lnRef idx="2">
            <a:schemeClr val="accent4">
              <a:shade val="15000"/>
            </a:schemeClr>
          </a:lnRef>
          <a:fillRef idx="1">
            <a:schemeClr val="accent4"/>
          </a:fillRef>
          <a:effectRef idx="0">
            <a:schemeClr val="accent4"/>
          </a:effectRef>
          <a:fontRef idx="minor">
            <a:schemeClr val="lt1"/>
          </a:fontRef>
        </p:style>
        <p:txBody>
          <a:bodyPr rtlCol="0" anchor="ctr"/>
          <a:lstStyle/>
          <a:p>
            <a:pPr algn="ctr"/>
            <a:r>
              <a:rPr kumimoji="1" lang="ja-JP" altLang="en-US" sz="4400" dirty="0">
                <a:solidFill>
                  <a:schemeClr val="tx1"/>
                </a:solidFill>
                <a:latin typeface="BIZ UDPゴシック" panose="020B0400000000000000" pitchFamily="50" charset="-128"/>
                <a:ea typeface="BIZ UDPゴシック" panose="020B0400000000000000" pitchFamily="50" charset="-128"/>
              </a:rPr>
              <a:t>出力</a:t>
            </a:r>
            <a:endParaRPr kumimoji="1" lang="en-US" altLang="ja-JP" sz="44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4400" dirty="0">
                <a:solidFill>
                  <a:schemeClr val="tx1"/>
                </a:solidFill>
                <a:latin typeface="BIZ UDPゴシック" panose="020B0400000000000000" pitchFamily="50" charset="-128"/>
                <a:ea typeface="BIZ UDPゴシック" panose="020B0400000000000000" pitchFamily="50" charset="-128"/>
              </a:rPr>
              <a:t>層</a:t>
            </a:r>
            <a:endParaRPr kumimoji="1" lang="ja-JP" altLang="en-US" sz="4400" dirty="0">
              <a:solidFill>
                <a:schemeClr val="tx1"/>
              </a:solidFill>
              <a:latin typeface="BIZ UDPゴシック" panose="020B0400000000000000" pitchFamily="50" charset="-128"/>
              <a:ea typeface="BIZ UDPゴシック" panose="020B0400000000000000" pitchFamily="50" charset="-128"/>
            </a:endParaRPr>
          </a:p>
        </p:txBody>
      </p:sp>
      <p:sp>
        <p:nvSpPr>
          <p:cNvPr id="6" name="矢印: 右 5">
            <a:extLst>
              <a:ext uri="{FF2B5EF4-FFF2-40B4-BE49-F238E27FC236}">
                <a16:creationId xmlns:a16="http://schemas.microsoft.com/office/drawing/2014/main" id="{22B2774A-2643-7CBC-A187-6F45E093BFC1}"/>
              </a:ext>
            </a:extLst>
          </p:cNvPr>
          <p:cNvSpPr/>
          <p:nvPr/>
        </p:nvSpPr>
        <p:spPr>
          <a:xfrm>
            <a:off x="2604653" y="3181927"/>
            <a:ext cx="1080654" cy="1154546"/>
          </a:xfrm>
          <a:prstGeom prst="rightArrow">
            <a:avLst/>
          </a:prstGeom>
        </p:spPr>
        <p:style>
          <a:lnRef idx="2">
            <a:schemeClr val="dk1">
              <a:shade val="15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7" name="矢印: 右 6">
            <a:extLst>
              <a:ext uri="{FF2B5EF4-FFF2-40B4-BE49-F238E27FC236}">
                <a16:creationId xmlns:a16="http://schemas.microsoft.com/office/drawing/2014/main" id="{FFF1E525-118C-0A6F-4439-D184C44CFC6E}"/>
              </a:ext>
            </a:extLst>
          </p:cNvPr>
          <p:cNvSpPr/>
          <p:nvPr/>
        </p:nvSpPr>
        <p:spPr>
          <a:xfrm>
            <a:off x="8354289" y="3265055"/>
            <a:ext cx="1080654" cy="1154546"/>
          </a:xfrm>
          <a:prstGeom prst="rightArrow">
            <a:avLst/>
          </a:prstGeom>
        </p:spPr>
        <p:style>
          <a:lnRef idx="2">
            <a:schemeClr val="dk1">
              <a:shade val="15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12" name="楕円 11">
            <a:extLst>
              <a:ext uri="{FF2B5EF4-FFF2-40B4-BE49-F238E27FC236}">
                <a16:creationId xmlns:a16="http://schemas.microsoft.com/office/drawing/2014/main" id="{F39DF111-86DE-8282-51E0-6100BC6D153F}"/>
              </a:ext>
            </a:extLst>
          </p:cNvPr>
          <p:cNvSpPr/>
          <p:nvPr/>
        </p:nvSpPr>
        <p:spPr>
          <a:xfrm>
            <a:off x="4231509" y="4317160"/>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楕円 15">
            <a:extLst>
              <a:ext uri="{FF2B5EF4-FFF2-40B4-BE49-F238E27FC236}">
                <a16:creationId xmlns:a16="http://schemas.microsoft.com/office/drawing/2014/main" id="{23BE4A8C-67B8-8AE4-C576-B30502B3894E}"/>
              </a:ext>
            </a:extLst>
          </p:cNvPr>
          <p:cNvSpPr/>
          <p:nvPr/>
        </p:nvSpPr>
        <p:spPr>
          <a:xfrm>
            <a:off x="5611089" y="3987121"/>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楕円 16">
            <a:extLst>
              <a:ext uri="{FF2B5EF4-FFF2-40B4-BE49-F238E27FC236}">
                <a16:creationId xmlns:a16="http://schemas.microsoft.com/office/drawing/2014/main" id="{0C6F98BA-42B6-3240-31F6-EF0CC879631D}"/>
              </a:ext>
            </a:extLst>
          </p:cNvPr>
          <p:cNvSpPr/>
          <p:nvPr/>
        </p:nvSpPr>
        <p:spPr>
          <a:xfrm>
            <a:off x="7469878" y="3781696"/>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楕円 17">
            <a:extLst>
              <a:ext uri="{FF2B5EF4-FFF2-40B4-BE49-F238E27FC236}">
                <a16:creationId xmlns:a16="http://schemas.microsoft.com/office/drawing/2014/main" id="{49EDB556-D936-6E56-6CEF-66E079118A41}"/>
              </a:ext>
            </a:extLst>
          </p:cNvPr>
          <p:cNvSpPr/>
          <p:nvPr/>
        </p:nvSpPr>
        <p:spPr>
          <a:xfrm>
            <a:off x="6734145" y="5021640"/>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楕円 22">
            <a:extLst>
              <a:ext uri="{FF2B5EF4-FFF2-40B4-BE49-F238E27FC236}">
                <a16:creationId xmlns:a16="http://schemas.microsoft.com/office/drawing/2014/main" id="{09707D47-AE46-485A-517E-249AB0FEEECF}"/>
              </a:ext>
            </a:extLst>
          </p:cNvPr>
          <p:cNvSpPr/>
          <p:nvPr/>
        </p:nvSpPr>
        <p:spPr>
          <a:xfrm>
            <a:off x="4419598" y="2823598"/>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楕円 23">
            <a:extLst>
              <a:ext uri="{FF2B5EF4-FFF2-40B4-BE49-F238E27FC236}">
                <a16:creationId xmlns:a16="http://schemas.microsoft.com/office/drawing/2014/main" id="{BD931DA6-34BC-CD8C-7F70-F250E737C021}"/>
              </a:ext>
            </a:extLst>
          </p:cNvPr>
          <p:cNvSpPr/>
          <p:nvPr/>
        </p:nvSpPr>
        <p:spPr>
          <a:xfrm>
            <a:off x="5897418" y="1785878"/>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楕円 25">
            <a:extLst>
              <a:ext uri="{FF2B5EF4-FFF2-40B4-BE49-F238E27FC236}">
                <a16:creationId xmlns:a16="http://schemas.microsoft.com/office/drawing/2014/main" id="{29A0C7DF-90F4-B5AD-CBF2-F5C5BDB57363}"/>
              </a:ext>
            </a:extLst>
          </p:cNvPr>
          <p:cNvSpPr/>
          <p:nvPr/>
        </p:nvSpPr>
        <p:spPr>
          <a:xfrm>
            <a:off x="7240888" y="2509230"/>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楕円 26">
            <a:extLst>
              <a:ext uri="{FF2B5EF4-FFF2-40B4-BE49-F238E27FC236}">
                <a16:creationId xmlns:a16="http://schemas.microsoft.com/office/drawing/2014/main" id="{3EC3B244-EEED-05A7-1F8D-F14E1DFF7D35}"/>
              </a:ext>
            </a:extLst>
          </p:cNvPr>
          <p:cNvSpPr/>
          <p:nvPr/>
        </p:nvSpPr>
        <p:spPr>
          <a:xfrm>
            <a:off x="6135252" y="3017561"/>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楕円 27">
            <a:extLst>
              <a:ext uri="{FF2B5EF4-FFF2-40B4-BE49-F238E27FC236}">
                <a16:creationId xmlns:a16="http://schemas.microsoft.com/office/drawing/2014/main" id="{CCA3E314-1C40-162D-9785-380D88CCB49A}"/>
              </a:ext>
            </a:extLst>
          </p:cNvPr>
          <p:cNvSpPr/>
          <p:nvPr/>
        </p:nvSpPr>
        <p:spPr>
          <a:xfrm>
            <a:off x="5161879" y="5334000"/>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フリーフォーム: 図形 32">
            <a:extLst>
              <a:ext uri="{FF2B5EF4-FFF2-40B4-BE49-F238E27FC236}">
                <a16:creationId xmlns:a16="http://schemas.microsoft.com/office/drawing/2014/main" id="{1ED20244-9D8B-EA6A-C617-7CE636C6E316}"/>
              </a:ext>
            </a:extLst>
          </p:cNvPr>
          <p:cNvSpPr/>
          <p:nvPr/>
        </p:nvSpPr>
        <p:spPr>
          <a:xfrm>
            <a:off x="4593927" y="1926230"/>
            <a:ext cx="1300552" cy="900097"/>
          </a:xfrm>
          <a:custGeom>
            <a:avLst/>
            <a:gdLst>
              <a:gd name="connsiteX0" fmla="*/ 1300552 w 1300552"/>
              <a:gd name="connsiteY0" fmla="*/ 15925 h 900097"/>
              <a:gd name="connsiteX1" fmla="*/ 764004 w 1300552"/>
              <a:gd name="connsiteY1" fmla="*/ 15925 h 900097"/>
              <a:gd name="connsiteX2" fmla="*/ 643091 w 1300552"/>
              <a:gd name="connsiteY2" fmla="*/ 61268 h 900097"/>
              <a:gd name="connsiteX3" fmla="*/ 597749 w 1300552"/>
              <a:gd name="connsiteY3" fmla="*/ 83939 h 900097"/>
              <a:gd name="connsiteX4" fmla="*/ 529736 w 1300552"/>
              <a:gd name="connsiteY4" fmla="*/ 114167 h 900097"/>
              <a:gd name="connsiteX5" fmla="*/ 423937 w 1300552"/>
              <a:gd name="connsiteY5" fmla="*/ 174623 h 900097"/>
              <a:gd name="connsiteX6" fmla="*/ 378595 w 1300552"/>
              <a:gd name="connsiteY6" fmla="*/ 212408 h 900097"/>
              <a:gd name="connsiteX7" fmla="*/ 303025 w 1300552"/>
              <a:gd name="connsiteY7" fmla="*/ 272864 h 900097"/>
              <a:gd name="connsiteX8" fmla="*/ 235012 w 1300552"/>
              <a:gd name="connsiteY8" fmla="*/ 325763 h 900097"/>
              <a:gd name="connsiteX9" fmla="*/ 189670 w 1300552"/>
              <a:gd name="connsiteY9" fmla="*/ 386220 h 900097"/>
              <a:gd name="connsiteX10" fmla="*/ 182113 w 1300552"/>
              <a:gd name="connsiteY10" fmla="*/ 416448 h 900097"/>
              <a:gd name="connsiteX11" fmla="*/ 151885 w 1300552"/>
              <a:gd name="connsiteY11" fmla="*/ 469347 h 900097"/>
              <a:gd name="connsiteX12" fmla="*/ 144328 w 1300552"/>
              <a:gd name="connsiteY12" fmla="*/ 499575 h 900097"/>
              <a:gd name="connsiteX13" fmla="*/ 106542 w 1300552"/>
              <a:gd name="connsiteY13" fmla="*/ 560031 h 900097"/>
              <a:gd name="connsiteX14" fmla="*/ 98985 w 1300552"/>
              <a:gd name="connsiteY14" fmla="*/ 590259 h 900097"/>
              <a:gd name="connsiteX15" fmla="*/ 46086 w 1300552"/>
              <a:gd name="connsiteY15" fmla="*/ 688501 h 900097"/>
              <a:gd name="connsiteX16" fmla="*/ 15858 w 1300552"/>
              <a:gd name="connsiteY16" fmla="*/ 786742 h 900097"/>
              <a:gd name="connsiteX17" fmla="*/ 744 w 1300552"/>
              <a:gd name="connsiteY17" fmla="*/ 839641 h 900097"/>
              <a:gd name="connsiteX18" fmla="*/ 744 w 1300552"/>
              <a:gd name="connsiteY18" fmla="*/ 900097 h 9000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1300552" h="900097">
                <a:moveTo>
                  <a:pt x="1300552" y="15925"/>
                </a:moveTo>
                <a:cubicBezTo>
                  <a:pt x="996013" y="-8438"/>
                  <a:pt x="1174744" y="-1933"/>
                  <a:pt x="764004" y="15925"/>
                </a:cubicBezTo>
                <a:cubicBezTo>
                  <a:pt x="753066" y="19903"/>
                  <a:pt x="669173" y="49412"/>
                  <a:pt x="643091" y="61268"/>
                </a:cubicBezTo>
                <a:cubicBezTo>
                  <a:pt x="627708" y="68261"/>
                  <a:pt x="613062" y="76793"/>
                  <a:pt x="597749" y="83939"/>
                </a:cubicBezTo>
                <a:cubicBezTo>
                  <a:pt x="575267" y="94430"/>
                  <a:pt x="551732" y="102691"/>
                  <a:pt x="529736" y="114167"/>
                </a:cubicBezTo>
                <a:cubicBezTo>
                  <a:pt x="493725" y="132955"/>
                  <a:pt x="455141" y="148620"/>
                  <a:pt x="423937" y="174623"/>
                </a:cubicBezTo>
                <a:cubicBezTo>
                  <a:pt x="408823" y="187218"/>
                  <a:pt x="393958" y="200118"/>
                  <a:pt x="378595" y="212408"/>
                </a:cubicBezTo>
                <a:cubicBezTo>
                  <a:pt x="333125" y="248784"/>
                  <a:pt x="357266" y="224047"/>
                  <a:pt x="303025" y="272864"/>
                </a:cubicBezTo>
                <a:cubicBezTo>
                  <a:pt x="248873" y="321601"/>
                  <a:pt x="298971" y="287388"/>
                  <a:pt x="235012" y="325763"/>
                </a:cubicBezTo>
                <a:cubicBezTo>
                  <a:pt x="189077" y="440604"/>
                  <a:pt x="255024" y="294725"/>
                  <a:pt x="189670" y="386220"/>
                </a:cubicBezTo>
                <a:cubicBezTo>
                  <a:pt x="183633" y="394672"/>
                  <a:pt x="186411" y="406993"/>
                  <a:pt x="182113" y="416448"/>
                </a:cubicBezTo>
                <a:cubicBezTo>
                  <a:pt x="173709" y="434936"/>
                  <a:pt x="161961" y="451714"/>
                  <a:pt x="151885" y="469347"/>
                </a:cubicBezTo>
                <a:cubicBezTo>
                  <a:pt x="149366" y="479423"/>
                  <a:pt x="148973" y="490285"/>
                  <a:pt x="144328" y="499575"/>
                </a:cubicBezTo>
                <a:cubicBezTo>
                  <a:pt x="108662" y="570904"/>
                  <a:pt x="132865" y="489836"/>
                  <a:pt x="106542" y="560031"/>
                </a:cubicBezTo>
                <a:cubicBezTo>
                  <a:pt x="102895" y="569756"/>
                  <a:pt x="102980" y="580672"/>
                  <a:pt x="98985" y="590259"/>
                </a:cubicBezTo>
                <a:cubicBezTo>
                  <a:pt x="82260" y="630398"/>
                  <a:pt x="67263" y="653205"/>
                  <a:pt x="46086" y="688501"/>
                </a:cubicBezTo>
                <a:cubicBezTo>
                  <a:pt x="26595" y="756719"/>
                  <a:pt x="36771" y="724002"/>
                  <a:pt x="15858" y="786742"/>
                </a:cubicBezTo>
                <a:cubicBezTo>
                  <a:pt x="11486" y="799859"/>
                  <a:pt x="1798" y="826989"/>
                  <a:pt x="744" y="839641"/>
                </a:cubicBezTo>
                <a:cubicBezTo>
                  <a:pt x="-930" y="859723"/>
                  <a:pt x="744" y="879945"/>
                  <a:pt x="744" y="900097"/>
                </a:cubicBezTo>
              </a:path>
            </a:pathLst>
          </a:custGeom>
          <a:noFill/>
          <a:ln w="28575">
            <a:solidFill>
              <a:schemeClr val="tx1"/>
            </a:solidFill>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フリーフォーム: 図形 41">
            <a:extLst>
              <a:ext uri="{FF2B5EF4-FFF2-40B4-BE49-F238E27FC236}">
                <a16:creationId xmlns:a16="http://schemas.microsoft.com/office/drawing/2014/main" id="{43C900B2-196B-9F55-1C32-60C70DDC7B20}"/>
              </a:ext>
            </a:extLst>
          </p:cNvPr>
          <p:cNvSpPr/>
          <p:nvPr/>
        </p:nvSpPr>
        <p:spPr>
          <a:xfrm>
            <a:off x="6094702" y="2206651"/>
            <a:ext cx="215414" cy="816159"/>
          </a:xfrm>
          <a:custGeom>
            <a:avLst/>
            <a:gdLst>
              <a:gd name="connsiteX0" fmla="*/ 215414 w 215414"/>
              <a:gd name="connsiteY0" fmla="*/ 816159 h 816159"/>
              <a:gd name="connsiteX1" fmla="*/ 200300 w 215414"/>
              <a:gd name="connsiteY1" fmla="*/ 770817 h 816159"/>
              <a:gd name="connsiteX2" fmla="*/ 185186 w 215414"/>
              <a:gd name="connsiteY2" fmla="*/ 695247 h 816159"/>
              <a:gd name="connsiteX3" fmla="*/ 162515 w 215414"/>
              <a:gd name="connsiteY3" fmla="*/ 619676 h 816159"/>
              <a:gd name="connsiteX4" fmla="*/ 154958 w 215414"/>
              <a:gd name="connsiteY4" fmla="*/ 589448 h 816159"/>
              <a:gd name="connsiteX5" fmla="*/ 139843 w 215414"/>
              <a:gd name="connsiteY5" fmla="*/ 551663 h 816159"/>
              <a:gd name="connsiteX6" fmla="*/ 132286 w 215414"/>
              <a:gd name="connsiteY6" fmla="*/ 506321 h 816159"/>
              <a:gd name="connsiteX7" fmla="*/ 109615 w 215414"/>
              <a:gd name="connsiteY7" fmla="*/ 445865 h 816159"/>
              <a:gd name="connsiteX8" fmla="*/ 102058 w 215414"/>
              <a:gd name="connsiteY8" fmla="*/ 423194 h 816159"/>
              <a:gd name="connsiteX9" fmla="*/ 79387 w 215414"/>
              <a:gd name="connsiteY9" fmla="*/ 408080 h 816159"/>
              <a:gd name="connsiteX10" fmla="*/ 49159 w 215414"/>
              <a:gd name="connsiteY10" fmla="*/ 377851 h 816159"/>
              <a:gd name="connsiteX11" fmla="*/ 41602 w 215414"/>
              <a:gd name="connsiteY11" fmla="*/ 340066 h 816159"/>
              <a:gd name="connsiteX12" fmla="*/ 26488 w 215414"/>
              <a:gd name="connsiteY12" fmla="*/ 309838 h 816159"/>
              <a:gd name="connsiteX13" fmla="*/ 11374 w 215414"/>
              <a:gd name="connsiteY13" fmla="*/ 272053 h 816159"/>
              <a:gd name="connsiteX14" fmla="*/ 3817 w 215414"/>
              <a:gd name="connsiteY14" fmla="*/ 0 h 81615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215414" h="816159">
                <a:moveTo>
                  <a:pt x="215414" y="816159"/>
                </a:moveTo>
                <a:cubicBezTo>
                  <a:pt x="210376" y="801045"/>
                  <a:pt x="204164" y="786273"/>
                  <a:pt x="200300" y="770817"/>
                </a:cubicBezTo>
                <a:cubicBezTo>
                  <a:pt x="194070" y="745895"/>
                  <a:pt x="192568" y="719852"/>
                  <a:pt x="185186" y="695247"/>
                </a:cubicBezTo>
                <a:cubicBezTo>
                  <a:pt x="177629" y="670057"/>
                  <a:pt x="169740" y="644964"/>
                  <a:pt x="162515" y="619676"/>
                </a:cubicBezTo>
                <a:cubicBezTo>
                  <a:pt x="159662" y="609690"/>
                  <a:pt x="158243" y="599301"/>
                  <a:pt x="154958" y="589448"/>
                </a:cubicBezTo>
                <a:cubicBezTo>
                  <a:pt x="150668" y="576579"/>
                  <a:pt x="144881" y="564258"/>
                  <a:pt x="139843" y="551663"/>
                </a:cubicBezTo>
                <a:cubicBezTo>
                  <a:pt x="137324" y="536549"/>
                  <a:pt x="135610" y="521279"/>
                  <a:pt x="132286" y="506321"/>
                </a:cubicBezTo>
                <a:cubicBezTo>
                  <a:pt x="129167" y="492287"/>
                  <a:pt x="112824" y="454423"/>
                  <a:pt x="109615" y="445865"/>
                </a:cubicBezTo>
                <a:cubicBezTo>
                  <a:pt x="106818" y="438406"/>
                  <a:pt x="107034" y="429414"/>
                  <a:pt x="102058" y="423194"/>
                </a:cubicBezTo>
                <a:cubicBezTo>
                  <a:pt x="96384" y="416102"/>
                  <a:pt x="86283" y="413991"/>
                  <a:pt x="79387" y="408080"/>
                </a:cubicBezTo>
                <a:cubicBezTo>
                  <a:pt x="68568" y="398806"/>
                  <a:pt x="59235" y="387927"/>
                  <a:pt x="49159" y="377851"/>
                </a:cubicBezTo>
                <a:cubicBezTo>
                  <a:pt x="46640" y="365256"/>
                  <a:pt x="45664" y="352251"/>
                  <a:pt x="41602" y="340066"/>
                </a:cubicBezTo>
                <a:cubicBezTo>
                  <a:pt x="38040" y="329379"/>
                  <a:pt x="31063" y="320132"/>
                  <a:pt x="26488" y="309838"/>
                </a:cubicBezTo>
                <a:cubicBezTo>
                  <a:pt x="20979" y="297442"/>
                  <a:pt x="16412" y="284648"/>
                  <a:pt x="11374" y="272053"/>
                </a:cubicBezTo>
                <a:cubicBezTo>
                  <a:pt x="-8607" y="152169"/>
                  <a:pt x="3817" y="242033"/>
                  <a:pt x="3817" y="0"/>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フリーフォーム: 図形 44">
            <a:extLst>
              <a:ext uri="{FF2B5EF4-FFF2-40B4-BE49-F238E27FC236}">
                <a16:creationId xmlns:a16="http://schemas.microsoft.com/office/drawing/2014/main" id="{050E74F7-79C8-E419-1678-32D7C30FB480}"/>
              </a:ext>
            </a:extLst>
          </p:cNvPr>
          <p:cNvSpPr/>
          <p:nvPr/>
        </p:nvSpPr>
        <p:spPr>
          <a:xfrm>
            <a:off x="4572000" y="2622288"/>
            <a:ext cx="2682744" cy="1753229"/>
          </a:xfrm>
          <a:custGeom>
            <a:avLst/>
            <a:gdLst>
              <a:gd name="connsiteX0" fmla="*/ 0 w 2682744"/>
              <a:gd name="connsiteY0" fmla="*/ 1753229 h 1753229"/>
              <a:gd name="connsiteX1" fmla="*/ 22671 w 2682744"/>
              <a:gd name="connsiteY1" fmla="*/ 1715444 h 1753229"/>
              <a:gd name="connsiteX2" fmla="*/ 128469 w 2682744"/>
              <a:gd name="connsiteY2" fmla="*/ 1496291 h 1753229"/>
              <a:gd name="connsiteX3" fmla="*/ 166255 w 2682744"/>
              <a:gd name="connsiteY3" fmla="*/ 1428277 h 1753229"/>
              <a:gd name="connsiteX4" fmla="*/ 204040 w 2682744"/>
              <a:gd name="connsiteY4" fmla="*/ 1337593 h 1753229"/>
              <a:gd name="connsiteX5" fmla="*/ 256939 w 2682744"/>
              <a:gd name="connsiteY5" fmla="*/ 1246909 h 1753229"/>
              <a:gd name="connsiteX6" fmla="*/ 287167 w 2682744"/>
              <a:gd name="connsiteY6" fmla="*/ 1171338 h 1753229"/>
              <a:gd name="connsiteX7" fmla="*/ 332509 w 2682744"/>
              <a:gd name="connsiteY7" fmla="*/ 1080654 h 1753229"/>
              <a:gd name="connsiteX8" fmla="*/ 362737 w 2682744"/>
              <a:gd name="connsiteY8" fmla="*/ 1027755 h 1753229"/>
              <a:gd name="connsiteX9" fmla="*/ 392965 w 2682744"/>
              <a:gd name="connsiteY9" fmla="*/ 937071 h 1753229"/>
              <a:gd name="connsiteX10" fmla="*/ 438307 w 2682744"/>
              <a:gd name="connsiteY10" fmla="*/ 846386 h 1753229"/>
              <a:gd name="connsiteX11" fmla="*/ 483650 w 2682744"/>
              <a:gd name="connsiteY11" fmla="*/ 740588 h 1753229"/>
              <a:gd name="connsiteX12" fmla="*/ 536549 w 2682744"/>
              <a:gd name="connsiteY12" fmla="*/ 665018 h 1753229"/>
              <a:gd name="connsiteX13" fmla="*/ 544106 w 2682744"/>
              <a:gd name="connsiteY13" fmla="*/ 642347 h 1753229"/>
              <a:gd name="connsiteX14" fmla="*/ 566777 w 2682744"/>
              <a:gd name="connsiteY14" fmla="*/ 612119 h 1753229"/>
              <a:gd name="connsiteX15" fmla="*/ 634790 w 2682744"/>
              <a:gd name="connsiteY15" fmla="*/ 513877 h 1753229"/>
              <a:gd name="connsiteX16" fmla="*/ 672575 w 2682744"/>
              <a:gd name="connsiteY16" fmla="*/ 460978 h 1753229"/>
              <a:gd name="connsiteX17" fmla="*/ 740588 w 2682744"/>
              <a:gd name="connsiteY17" fmla="*/ 385408 h 1753229"/>
              <a:gd name="connsiteX18" fmla="*/ 770817 w 2682744"/>
              <a:gd name="connsiteY18" fmla="*/ 362737 h 1753229"/>
              <a:gd name="connsiteX19" fmla="*/ 884172 w 2682744"/>
              <a:gd name="connsiteY19" fmla="*/ 264495 h 1753229"/>
              <a:gd name="connsiteX20" fmla="*/ 914400 w 2682744"/>
              <a:gd name="connsiteY20" fmla="*/ 241824 h 1753229"/>
              <a:gd name="connsiteX21" fmla="*/ 944628 w 2682744"/>
              <a:gd name="connsiteY21" fmla="*/ 219153 h 1753229"/>
              <a:gd name="connsiteX22" fmla="*/ 1050426 w 2682744"/>
              <a:gd name="connsiteY22" fmla="*/ 166254 h 1753229"/>
              <a:gd name="connsiteX23" fmla="*/ 1171339 w 2682744"/>
              <a:gd name="connsiteY23" fmla="*/ 113355 h 1753229"/>
              <a:gd name="connsiteX24" fmla="*/ 1405607 w 2682744"/>
              <a:gd name="connsiteY24" fmla="*/ 60456 h 1753229"/>
              <a:gd name="connsiteX25" fmla="*/ 1534076 w 2682744"/>
              <a:gd name="connsiteY25" fmla="*/ 45342 h 1753229"/>
              <a:gd name="connsiteX26" fmla="*/ 1896813 w 2682744"/>
              <a:gd name="connsiteY26" fmla="*/ 37785 h 1753229"/>
              <a:gd name="connsiteX27" fmla="*/ 1987498 w 2682744"/>
              <a:gd name="connsiteY27" fmla="*/ 22671 h 1753229"/>
              <a:gd name="connsiteX28" fmla="*/ 2085739 w 2682744"/>
              <a:gd name="connsiteY28" fmla="*/ 15114 h 1753229"/>
              <a:gd name="connsiteX29" fmla="*/ 2214208 w 2682744"/>
              <a:gd name="connsiteY29" fmla="*/ 0 h 1753229"/>
              <a:gd name="connsiteX30" fmla="*/ 2561831 w 2682744"/>
              <a:gd name="connsiteY30" fmla="*/ 7557 h 1753229"/>
              <a:gd name="connsiteX31" fmla="*/ 2682744 w 2682744"/>
              <a:gd name="connsiteY31" fmla="*/ 15114 h 17532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2682744" h="1753229">
                <a:moveTo>
                  <a:pt x="0" y="1753229"/>
                </a:moveTo>
                <a:cubicBezTo>
                  <a:pt x="7557" y="1740634"/>
                  <a:pt x="16102" y="1728581"/>
                  <a:pt x="22671" y="1715444"/>
                </a:cubicBezTo>
                <a:cubicBezTo>
                  <a:pt x="58948" y="1642890"/>
                  <a:pt x="89074" y="1567201"/>
                  <a:pt x="128469" y="1496291"/>
                </a:cubicBezTo>
                <a:cubicBezTo>
                  <a:pt x="141064" y="1473620"/>
                  <a:pt x="155105" y="1451693"/>
                  <a:pt x="166255" y="1428277"/>
                </a:cubicBezTo>
                <a:cubicBezTo>
                  <a:pt x="180334" y="1398711"/>
                  <a:pt x="189395" y="1366883"/>
                  <a:pt x="204040" y="1337593"/>
                </a:cubicBezTo>
                <a:cubicBezTo>
                  <a:pt x="219690" y="1306292"/>
                  <a:pt x="241289" y="1278210"/>
                  <a:pt x="256939" y="1246909"/>
                </a:cubicBezTo>
                <a:cubicBezTo>
                  <a:pt x="269072" y="1222642"/>
                  <a:pt x="275940" y="1196037"/>
                  <a:pt x="287167" y="1171338"/>
                </a:cubicBezTo>
                <a:cubicBezTo>
                  <a:pt x="301152" y="1140571"/>
                  <a:pt x="316769" y="1110561"/>
                  <a:pt x="332509" y="1080654"/>
                </a:cubicBezTo>
                <a:cubicBezTo>
                  <a:pt x="341968" y="1062682"/>
                  <a:pt x="354856" y="1046472"/>
                  <a:pt x="362737" y="1027755"/>
                </a:cubicBezTo>
                <a:cubicBezTo>
                  <a:pt x="375102" y="998389"/>
                  <a:pt x="378716" y="965570"/>
                  <a:pt x="392965" y="937071"/>
                </a:cubicBezTo>
                <a:cubicBezTo>
                  <a:pt x="408079" y="906843"/>
                  <a:pt x="426440" y="878030"/>
                  <a:pt x="438307" y="846386"/>
                </a:cubicBezTo>
                <a:cubicBezTo>
                  <a:pt x="454571" y="803018"/>
                  <a:pt x="461044" y="779341"/>
                  <a:pt x="483650" y="740588"/>
                </a:cubicBezTo>
                <a:cubicBezTo>
                  <a:pt x="499931" y="712677"/>
                  <a:pt x="517494" y="690425"/>
                  <a:pt x="536549" y="665018"/>
                </a:cubicBezTo>
                <a:cubicBezTo>
                  <a:pt x="539068" y="657461"/>
                  <a:pt x="540154" y="649263"/>
                  <a:pt x="544106" y="642347"/>
                </a:cubicBezTo>
                <a:cubicBezTo>
                  <a:pt x="550355" y="631411"/>
                  <a:pt x="559514" y="622409"/>
                  <a:pt x="566777" y="612119"/>
                </a:cubicBezTo>
                <a:cubicBezTo>
                  <a:pt x="589746" y="579580"/>
                  <a:pt x="616978" y="549501"/>
                  <a:pt x="634790" y="513877"/>
                </a:cubicBezTo>
                <a:cubicBezTo>
                  <a:pt x="662757" y="457943"/>
                  <a:pt x="634279" y="506933"/>
                  <a:pt x="672575" y="460978"/>
                </a:cubicBezTo>
                <a:cubicBezTo>
                  <a:pt x="708814" y="417491"/>
                  <a:pt x="661243" y="444915"/>
                  <a:pt x="740588" y="385408"/>
                </a:cubicBezTo>
                <a:cubicBezTo>
                  <a:pt x="750664" y="377851"/>
                  <a:pt x="761455" y="371163"/>
                  <a:pt x="770817" y="362737"/>
                </a:cubicBezTo>
                <a:cubicBezTo>
                  <a:pt x="882554" y="262175"/>
                  <a:pt x="737360" y="377429"/>
                  <a:pt x="884172" y="264495"/>
                </a:cubicBezTo>
                <a:cubicBezTo>
                  <a:pt x="894155" y="256816"/>
                  <a:pt x="904324" y="249381"/>
                  <a:pt x="914400" y="241824"/>
                </a:cubicBezTo>
                <a:cubicBezTo>
                  <a:pt x="924476" y="234267"/>
                  <a:pt x="933363" y="224786"/>
                  <a:pt x="944628" y="219153"/>
                </a:cubicBezTo>
                <a:lnTo>
                  <a:pt x="1050426" y="166254"/>
                </a:lnTo>
                <a:cubicBezTo>
                  <a:pt x="1091612" y="145661"/>
                  <a:pt x="1125714" y="127043"/>
                  <a:pt x="1171339" y="113355"/>
                </a:cubicBezTo>
                <a:cubicBezTo>
                  <a:pt x="1231660" y="95259"/>
                  <a:pt x="1335458" y="70477"/>
                  <a:pt x="1405607" y="60456"/>
                </a:cubicBezTo>
                <a:cubicBezTo>
                  <a:pt x="1448292" y="54358"/>
                  <a:pt x="1491004" y="47330"/>
                  <a:pt x="1534076" y="45342"/>
                </a:cubicBezTo>
                <a:cubicBezTo>
                  <a:pt x="1654886" y="39766"/>
                  <a:pt x="1775901" y="40304"/>
                  <a:pt x="1896813" y="37785"/>
                </a:cubicBezTo>
                <a:cubicBezTo>
                  <a:pt x="1927041" y="32747"/>
                  <a:pt x="1956943" y="25021"/>
                  <a:pt x="1987498" y="22671"/>
                </a:cubicBezTo>
                <a:lnTo>
                  <a:pt x="2085739" y="15114"/>
                </a:lnTo>
                <a:cubicBezTo>
                  <a:pt x="2121671" y="11847"/>
                  <a:pt x="2177651" y="4570"/>
                  <a:pt x="2214208" y="0"/>
                </a:cubicBezTo>
                <a:lnTo>
                  <a:pt x="2561831" y="7557"/>
                </a:lnTo>
                <a:cubicBezTo>
                  <a:pt x="2823198" y="17061"/>
                  <a:pt x="2471118" y="15114"/>
                  <a:pt x="2682744" y="15114"/>
                </a:cubicBezTo>
              </a:path>
            </a:pathLst>
          </a:custGeom>
          <a:noFill/>
          <a:ln w="28575">
            <a:solidFill>
              <a:schemeClr val="tx1"/>
            </a:solidFill>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フリーフォーム: 図形 51">
            <a:extLst>
              <a:ext uri="{FF2B5EF4-FFF2-40B4-BE49-F238E27FC236}">
                <a16:creationId xmlns:a16="http://schemas.microsoft.com/office/drawing/2014/main" id="{E2AF447A-2A89-EFFA-E6C5-CAC591FE6DA3}"/>
              </a:ext>
            </a:extLst>
          </p:cNvPr>
          <p:cNvSpPr/>
          <p:nvPr/>
        </p:nvSpPr>
        <p:spPr>
          <a:xfrm>
            <a:off x="4806268" y="3045481"/>
            <a:ext cx="1352707" cy="226711"/>
          </a:xfrm>
          <a:custGeom>
            <a:avLst/>
            <a:gdLst>
              <a:gd name="connsiteX0" fmla="*/ 0 w 1352707"/>
              <a:gd name="connsiteY0" fmla="*/ 0 h 226711"/>
              <a:gd name="connsiteX1" fmla="*/ 45342 w 1352707"/>
              <a:gd name="connsiteY1" fmla="*/ 15114 h 226711"/>
              <a:gd name="connsiteX2" fmla="*/ 196482 w 1352707"/>
              <a:gd name="connsiteY2" fmla="*/ 105798 h 226711"/>
              <a:gd name="connsiteX3" fmla="*/ 256939 w 1352707"/>
              <a:gd name="connsiteY3" fmla="*/ 143583 h 226711"/>
              <a:gd name="connsiteX4" fmla="*/ 294724 w 1352707"/>
              <a:gd name="connsiteY4" fmla="*/ 151140 h 226711"/>
              <a:gd name="connsiteX5" fmla="*/ 400522 w 1352707"/>
              <a:gd name="connsiteY5" fmla="*/ 166255 h 226711"/>
              <a:gd name="connsiteX6" fmla="*/ 536549 w 1352707"/>
              <a:gd name="connsiteY6" fmla="*/ 196483 h 226711"/>
              <a:gd name="connsiteX7" fmla="*/ 589448 w 1352707"/>
              <a:gd name="connsiteY7" fmla="*/ 204040 h 226711"/>
              <a:gd name="connsiteX8" fmla="*/ 634790 w 1352707"/>
              <a:gd name="connsiteY8" fmla="*/ 211597 h 226711"/>
              <a:gd name="connsiteX9" fmla="*/ 929514 w 1352707"/>
              <a:gd name="connsiteY9" fmla="*/ 226711 h 226711"/>
              <a:gd name="connsiteX10" fmla="*/ 1299808 w 1352707"/>
              <a:gd name="connsiteY10" fmla="*/ 219154 h 226711"/>
              <a:gd name="connsiteX11" fmla="*/ 1352707 w 1352707"/>
              <a:gd name="connsiteY11" fmla="*/ 211597 h 22671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352707" h="226711">
                <a:moveTo>
                  <a:pt x="0" y="0"/>
                </a:moveTo>
                <a:cubicBezTo>
                  <a:pt x="15114" y="5038"/>
                  <a:pt x="31626" y="7009"/>
                  <a:pt x="45342" y="15114"/>
                </a:cubicBezTo>
                <a:cubicBezTo>
                  <a:pt x="211496" y="113296"/>
                  <a:pt x="111014" y="84431"/>
                  <a:pt x="196482" y="105798"/>
                </a:cubicBezTo>
                <a:cubicBezTo>
                  <a:pt x="217165" y="121310"/>
                  <a:pt x="232044" y="135285"/>
                  <a:pt x="256939" y="143583"/>
                </a:cubicBezTo>
                <a:cubicBezTo>
                  <a:pt x="269124" y="147645"/>
                  <a:pt x="282037" y="149137"/>
                  <a:pt x="294724" y="151140"/>
                </a:cubicBezTo>
                <a:cubicBezTo>
                  <a:pt x="329912" y="156696"/>
                  <a:pt x="365962" y="157615"/>
                  <a:pt x="400522" y="166255"/>
                </a:cubicBezTo>
                <a:cubicBezTo>
                  <a:pt x="461077" y="181394"/>
                  <a:pt x="471308" y="184970"/>
                  <a:pt x="536549" y="196483"/>
                </a:cubicBezTo>
                <a:cubicBezTo>
                  <a:pt x="554090" y="199578"/>
                  <a:pt x="571843" y="201332"/>
                  <a:pt x="589448" y="204040"/>
                </a:cubicBezTo>
                <a:cubicBezTo>
                  <a:pt x="604592" y="206370"/>
                  <a:pt x="619552" y="209993"/>
                  <a:pt x="634790" y="211597"/>
                </a:cubicBezTo>
                <a:cubicBezTo>
                  <a:pt x="728979" y="221512"/>
                  <a:pt x="838710" y="223219"/>
                  <a:pt x="929514" y="226711"/>
                </a:cubicBezTo>
                <a:lnTo>
                  <a:pt x="1299808" y="219154"/>
                </a:lnTo>
                <a:cubicBezTo>
                  <a:pt x="1317609" y="218518"/>
                  <a:pt x="1352707" y="211597"/>
                  <a:pt x="1352707" y="211597"/>
                </a:cubicBezTo>
              </a:path>
            </a:pathLst>
          </a:custGeom>
          <a:noFill/>
          <a:ln w="28575">
            <a:solidFill>
              <a:schemeClr val="tx1"/>
            </a:solidFill>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フリーフォーム: 図形 53">
            <a:extLst>
              <a:ext uri="{FF2B5EF4-FFF2-40B4-BE49-F238E27FC236}">
                <a16:creationId xmlns:a16="http://schemas.microsoft.com/office/drawing/2014/main" id="{DD08EF06-8979-8C57-F141-9B185125E118}"/>
              </a:ext>
            </a:extLst>
          </p:cNvPr>
          <p:cNvSpPr/>
          <p:nvPr/>
        </p:nvSpPr>
        <p:spPr>
          <a:xfrm>
            <a:off x="4451088" y="3234407"/>
            <a:ext cx="136277" cy="1088211"/>
          </a:xfrm>
          <a:custGeom>
            <a:avLst/>
            <a:gdLst>
              <a:gd name="connsiteX0" fmla="*/ 0 w 136277"/>
              <a:gd name="connsiteY0" fmla="*/ 1088211 h 1088211"/>
              <a:gd name="connsiteX1" fmla="*/ 22671 w 136277"/>
              <a:gd name="connsiteY1" fmla="*/ 755702 h 1088211"/>
              <a:gd name="connsiteX2" fmla="*/ 45342 w 136277"/>
              <a:gd name="connsiteY2" fmla="*/ 597005 h 1088211"/>
              <a:gd name="connsiteX3" fmla="*/ 75570 w 136277"/>
              <a:gd name="connsiteY3" fmla="*/ 468535 h 1088211"/>
              <a:gd name="connsiteX4" fmla="*/ 83127 w 136277"/>
              <a:gd name="connsiteY4" fmla="*/ 385408 h 1088211"/>
              <a:gd name="connsiteX5" fmla="*/ 90684 w 136277"/>
              <a:gd name="connsiteY5" fmla="*/ 347623 h 1088211"/>
              <a:gd name="connsiteX6" fmla="*/ 98241 w 136277"/>
              <a:gd name="connsiteY6" fmla="*/ 294724 h 1088211"/>
              <a:gd name="connsiteX7" fmla="*/ 105798 w 136277"/>
              <a:gd name="connsiteY7" fmla="*/ 204039 h 1088211"/>
              <a:gd name="connsiteX8" fmla="*/ 113355 w 136277"/>
              <a:gd name="connsiteY8" fmla="*/ 166254 h 1088211"/>
              <a:gd name="connsiteX9" fmla="*/ 120912 w 136277"/>
              <a:gd name="connsiteY9" fmla="*/ 120912 h 1088211"/>
              <a:gd name="connsiteX10" fmla="*/ 128469 w 136277"/>
              <a:gd name="connsiteY10" fmla="*/ 45342 h 1088211"/>
              <a:gd name="connsiteX11" fmla="*/ 136026 w 136277"/>
              <a:gd name="connsiteY11" fmla="*/ 0 h 108821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36277" h="1088211">
                <a:moveTo>
                  <a:pt x="0" y="1088211"/>
                </a:moveTo>
                <a:cubicBezTo>
                  <a:pt x="7557" y="977375"/>
                  <a:pt x="12460" y="866325"/>
                  <a:pt x="22671" y="755702"/>
                </a:cubicBezTo>
                <a:cubicBezTo>
                  <a:pt x="27583" y="702492"/>
                  <a:pt x="30662" y="648385"/>
                  <a:pt x="45342" y="597005"/>
                </a:cubicBezTo>
                <a:cubicBezTo>
                  <a:pt x="67513" y="519405"/>
                  <a:pt x="56859" y="562088"/>
                  <a:pt x="75570" y="468535"/>
                </a:cubicBezTo>
                <a:cubicBezTo>
                  <a:pt x="78089" y="440826"/>
                  <a:pt x="79676" y="413016"/>
                  <a:pt x="83127" y="385408"/>
                </a:cubicBezTo>
                <a:cubicBezTo>
                  <a:pt x="84720" y="372663"/>
                  <a:pt x="88572" y="360293"/>
                  <a:pt x="90684" y="347623"/>
                </a:cubicBezTo>
                <a:cubicBezTo>
                  <a:pt x="93612" y="330053"/>
                  <a:pt x="96376" y="312438"/>
                  <a:pt x="98241" y="294724"/>
                </a:cubicBezTo>
                <a:cubicBezTo>
                  <a:pt x="101416" y="264558"/>
                  <a:pt x="102254" y="234164"/>
                  <a:pt x="105798" y="204039"/>
                </a:cubicBezTo>
                <a:cubicBezTo>
                  <a:pt x="107299" y="191283"/>
                  <a:pt x="111057" y="178891"/>
                  <a:pt x="113355" y="166254"/>
                </a:cubicBezTo>
                <a:cubicBezTo>
                  <a:pt x="116096" y="151179"/>
                  <a:pt x="119011" y="136116"/>
                  <a:pt x="120912" y="120912"/>
                </a:cubicBezTo>
                <a:cubicBezTo>
                  <a:pt x="124052" y="95792"/>
                  <a:pt x="124620" y="70363"/>
                  <a:pt x="128469" y="45342"/>
                </a:cubicBezTo>
                <a:cubicBezTo>
                  <a:pt x="138416" y="-19312"/>
                  <a:pt x="136026" y="63664"/>
                  <a:pt x="136026" y="0"/>
                </a:cubicBezTo>
              </a:path>
            </a:pathLst>
          </a:custGeom>
          <a:noFill/>
          <a:ln w="28575">
            <a:solidFill>
              <a:schemeClr val="tx1"/>
            </a:solidFill>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フリーフォーム: 図形 54">
            <a:extLst>
              <a:ext uri="{FF2B5EF4-FFF2-40B4-BE49-F238E27FC236}">
                <a16:creationId xmlns:a16="http://schemas.microsoft.com/office/drawing/2014/main" id="{91364691-DE4D-D848-6442-ABB5DAE9E84C}"/>
              </a:ext>
            </a:extLst>
          </p:cNvPr>
          <p:cNvSpPr/>
          <p:nvPr/>
        </p:nvSpPr>
        <p:spPr>
          <a:xfrm>
            <a:off x="4632456" y="4269719"/>
            <a:ext cx="1012642" cy="181369"/>
          </a:xfrm>
          <a:custGeom>
            <a:avLst/>
            <a:gdLst>
              <a:gd name="connsiteX0" fmla="*/ 1012642 w 1012642"/>
              <a:gd name="connsiteY0" fmla="*/ 0 h 181369"/>
              <a:gd name="connsiteX1" fmla="*/ 906843 w 1012642"/>
              <a:gd name="connsiteY1" fmla="*/ 22671 h 181369"/>
              <a:gd name="connsiteX2" fmla="*/ 808602 w 1012642"/>
              <a:gd name="connsiteY2" fmla="*/ 45342 h 181369"/>
              <a:gd name="connsiteX3" fmla="*/ 544106 w 1012642"/>
              <a:gd name="connsiteY3" fmla="*/ 60456 h 181369"/>
              <a:gd name="connsiteX4" fmla="*/ 408080 w 1012642"/>
              <a:gd name="connsiteY4" fmla="*/ 105798 h 181369"/>
              <a:gd name="connsiteX5" fmla="*/ 317395 w 1012642"/>
              <a:gd name="connsiteY5" fmla="*/ 136026 h 181369"/>
              <a:gd name="connsiteX6" fmla="*/ 279610 w 1012642"/>
              <a:gd name="connsiteY6" fmla="*/ 143583 h 181369"/>
              <a:gd name="connsiteX7" fmla="*/ 219154 w 1012642"/>
              <a:gd name="connsiteY7" fmla="*/ 158698 h 181369"/>
              <a:gd name="connsiteX8" fmla="*/ 90684 w 1012642"/>
              <a:gd name="connsiteY8" fmla="*/ 173812 h 181369"/>
              <a:gd name="connsiteX9" fmla="*/ 0 w 1012642"/>
              <a:gd name="connsiteY9" fmla="*/ 181369 h 1813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012642" h="181369">
                <a:moveTo>
                  <a:pt x="1012642" y="0"/>
                </a:moveTo>
                <a:cubicBezTo>
                  <a:pt x="920610" y="30677"/>
                  <a:pt x="1018064" y="1486"/>
                  <a:pt x="906843" y="22671"/>
                </a:cubicBezTo>
                <a:cubicBezTo>
                  <a:pt x="873829" y="28959"/>
                  <a:pt x="841847" y="40417"/>
                  <a:pt x="808602" y="45342"/>
                </a:cubicBezTo>
                <a:cubicBezTo>
                  <a:pt x="771033" y="50908"/>
                  <a:pt x="556794" y="59852"/>
                  <a:pt x="544106" y="60456"/>
                </a:cubicBezTo>
                <a:cubicBezTo>
                  <a:pt x="392584" y="121065"/>
                  <a:pt x="538242" y="66750"/>
                  <a:pt x="408080" y="105798"/>
                </a:cubicBezTo>
                <a:cubicBezTo>
                  <a:pt x="377560" y="114954"/>
                  <a:pt x="348640" y="129777"/>
                  <a:pt x="317395" y="136026"/>
                </a:cubicBezTo>
                <a:cubicBezTo>
                  <a:pt x="304800" y="138545"/>
                  <a:pt x="292125" y="140695"/>
                  <a:pt x="279610" y="143583"/>
                </a:cubicBezTo>
                <a:cubicBezTo>
                  <a:pt x="259370" y="148254"/>
                  <a:pt x="239465" y="154345"/>
                  <a:pt x="219154" y="158698"/>
                </a:cubicBezTo>
                <a:cubicBezTo>
                  <a:pt x="175273" y="168101"/>
                  <a:pt x="136582" y="169821"/>
                  <a:pt x="90684" y="173812"/>
                </a:cubicBezTo>
                <a:lnTo>
                  <a:pt x="0" y="181369"/>
                </a:ln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フリーフォーム: 図形 55">
            <a:extLst>
              <a:ext uri="{FF2B5EF4-FFF2-40B4-BE49-F238E27FC236}">
                <a16:creationId xmlns:a16="http://schemas.microsoft.com/office/drawing/2014/main" id="{ABEF9F61-1543-6AD9-B0CD-C5037E417EB0}"/>
              </a:ext>
            </a:extLst>
          </p:cNvPr>
          <p:cNvSpPr/>
          <p:nvPr/>
        </p:nvSpPr>
        <p:spPr>
          <a:xfrm>
            <a:off x="4466202" y="4715583"/>
            <a:ext cx="733031" cy="665019"/>
          </a:xfrm>
          <a:custGeom>
            <a:avLst/>
            <a:gdLst>
              <a:gd name="connsiteX0" fmla="*/ 0 w 733031"/>
              <a:gd name="connsiteY0" fmla="*/ 0 h 665019"/>
              <a:gd name="connsiteX1" fmla="*/ 60456 w 733031"/>
              <a:gd name="connsiteY1" fmla="*/ 75571 h 665019"/>
              <a:gd name="connsiteX2" fmla="*/ 158697 w 733031"/>
              <a:gd name="connsiteY2" fmla="*/ 181369 h 665019"/>
              <a:gd name="connsiteX3" fmla="*/ 226710 w 733031"/>
              <a:gd name="connsiteY3" fmla="*/ 264496 h 665019"/>
              <a:gd name="connsiteX4" fmla="*/ 256938 w 733031"/>
              <a:gd name="connsiteY4" fmla="*/ 287167 h 665019"/>
              <a:gd name="connsiteX5" fmla="*/ 362737 w 733031"/>
              <a:gd name="connsiteY5" fmla="*/ 400523 h 665019"/>
              <a:gd name="connsiteX6" fmla="*/ 423193 w 733031"/>
              <a:gd name="connsiteY6" fmla="*/ 453422 h 665019"/>
              <a:gd name="connsiteX7" fmla="*/ 483649 w 733031"/>
              <a:gd name="connsiteY7" fmla="*/ 498764 h 665019"/>
              <a:gd name="connsiteX8" fmla="*/ 521434 w 733031"/>
              <a:gd name="connsiteY8" fmla="*/ 536549 h 665019"/>
              <a:gd name="connsiteX9" fmla="*/ 597005 w 733031"/>
              <a:gd name="connsiteY9" fmla="*/ 589448 h 665019"/>
              <a:gd name="connsiteX10" fmla="*/ 634790 w 733031"/>
              <a:gd name="connsiteY10" fmla="*/ 612119 h 665019"/>
              <a:gd name="connsiteX11" fmla="*/ 657461 w 733031"/>
              <a:gd name="connsiteY11" fmla="*/ 619677 h 665019"/>
              <a:gd name="connsiteX12" fmla="*/ 695246 w 733031"/>
              <a:gd name="connsiteY12" fmla="*/ 642348 h 665019"/>
              <a:gd name="connsiteX13" fmla="*/ 733031 w 733031"/>
              <a:gd name="connsiteY13" fmla="*/ 665019 h 6650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733031" h="665019">
                <a:moveTo>
                  <a:pt x="0" y="0"/>
                </a:moveTo>
                <a:cubicBezTo>
                  <a:pt x="20152" y="25190"/>
                  <a:pt x="38505" y="51932"/>
                  <a:pt x="60456" y="75571"/>
                </a:cubicBezTo>
                <a:cubicBezTo>
                  <a:pt x="93203" y="110837"/>
                  <a:pt x="128222" y="144122"/>
                  <a:pt x="158697" y="181369"/>
                </a:cubicBezTo>
                <a:cubicBezTo>
                  <a:pt x="181368" y="209078"/>
                  <a:pt x="198069" y="243015"/>
                  <a:pt x="226710" y="264496"/>
                </a:cubicBezTo>
                <a:cubicBezTo>
                  <a:pt x="236786" y="272053"/>
                  <a:pt x="248032" y="278261"/>
                  <a:pt x="256938" y="287167"/>
                </a:cubicBezTo>
                <a:cubicBezTo>
                  <a:pt x="358272" y="388501"/>
                  <a:pt x="210702" y="267492"/>
                  <a:pt x="362737" y="400523"/>
                </a:cubicBezTo>
                <a:cubicBezTo>
                  <a:pt x="382889" y="418156"/>
                  <a:pt x="402411" y="436536"/>
                  <a:pt x="423193" y="453422"/>
                </a:cubicBezTo>
                <a:cubicBezTo>
                  <a:pt x="442743" y="469307"/>
                  <a:pt x="464419" y="482493"/>
                  <a:pt x="483649" y="498764"/>
                </a:cubicBezTo>
                <a:cubicBezTo>
                  <a:pt x="497246" y="510270"/>
                  <a:pt x="508121" y="524715"/>
                  <a:pt x="521434" y="536549"/>
                </a:cubicBezTo>
                <a:cubicBezTo>
                  <a:pt x="536933" y="550326"/>
                  <a:pt x="583383" y="580780"/>
                  <a:pt x="597005" y="589448"/>
                </a:cubicBezTo>
                <a:cubicBezTo>
                  <a:pt x="609397" y="597334"/>
                  <a:pt x="620856" y="607474"/>
                  <a:pt x="634790" y="612119"/>
                </a:cubicBezTo>
                <a:cubicBezTo>
                  <a:pt x="642347" y="614638"/>
                  <a:pt x="650336" y="616114"/>
                  <a:pt x="657461" y="619677"/>
                </a:cubicBezTo>
                <a:cubicBezTo>
                  <a:pt x="670598" y="626246"/>
                  <a:pt x="681824" y="636383"/>
                  <a:pt x="695246" y="642348"/>
                </a:cubicBezTo>
                <a:cubicBezTo>
                  <a:pt x="735400" y="660194"/>
                  <a:pt x="718410" y="635776"/>
                  <a:pt x="733031" y="665019"/>
                </a:cubicBezTo>
              </a:path>
            </a:pathLst>
          </a:custGeom>
          <a:noFill/>
          <a:ln w="28575">
            <a:solidFill>
              <a:schemeClr val="tx1"/>
            </a:solidFill>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フリーフォーム: 図形 62">
            <a:extLst>
              <a:ext uri="{FF2B5EF4-FFF2-40B4-BE49-F238E27FC236}">
                <a16:creationId xmlns:a16="http://schemas.microsoft.com/office/drawing/2014/main" id="{AF51FBA2-CAA8-5E37-59F1-C734D0D9C765}"/>
              </a:ext>
            </a:extLst>
          </p:cNvPr>
          <p:cNvSpPr/>
          <p:nvPr/>
        </p:nvSpPr>
        <p:spPr>
          <a:xfrm>
            <a:off x="7481455" y="2917012"/>
            <a:ext cx="188925" cy="914400"/>
          </a:xfrm>
          <a:custGeom>
            <a:avLst/>
            <a:gdLst>
              <a:gd name="connsiteX0" fmla="*/ 0 w 188925"/>
              <a:gd name="connsiteY0" fmla="*/ 0 h 914400"/>
              <a:gd name="connsiteX1" fmla="*/ 68013 w 188925"/>
              <a:gd name="connsiteY1" fmla="*/ 272052 h 914400"/>
              <a:gd name="connsiteX2" fmla="*/ 90684 w 188925"/>
              <a:gd name="connsiteY2" fmla="*/ 355180 h 914400"/>
              <a:gd name="connsiteX3" fmla="*/ 136026 w 188925"/>
              <a:gd name="connsiteY3" fmla="*/ 521434 h 914400"/>
              <a:gd name="connsiteX4" fmla="*/ 143583 w 188925"/>
              <a:gd name="connsiteY4" fmla="*/ 589448 h 914400"/>
              <a:gd name="connsiteX5" fmla="*/ 166254 w 188925"/>
              <a:gd name="connsiteY5" fmla="*/ 680132 h 914400"/>
              <a:gd name="connsiteX6" fmla="*/ 181368 w 188925"/>
              <a:gd name="connsiteY6" fmla="*/ 748145 h 914400"/>
              <a:gd name="connsiteX7" fmla="*/ 188925 w 188925"/>
              <a:gd name="connsiteY7" fmla="*/ 914400 h 9144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88925" h="914400">
                <a:moveTo>
                  <a:pt x="0" y="0"/>
                </a:moveTo>
                <a:cubicBezTo>
                  <a:pt x="22886" y="114429"/>
                  <a:pt x="7408" y="40649"/>
                  <a:pt x="68013" y="272052"/>
                </a:cubicBezTo>
                <a:cubicBezTo>
                  <a:pt x="75290" y="299836"/>
                  <a:pt x="85546" y="326922"/>
                  <a:pt x="90684" y="355180"/>
                </a:cubicBezTo>
                <a:cubicBezTo>
                  <a:pt x="111072" y="467316"/>
                  <a:pt x="96173" y="411839"/>
                  <a:pt x="136026" y="521434"/>
                </a:cubicBezTo>
                <a:cubicBezTo>
                  <a:pt x="138545" y="544105"/>
                  <a:pt x="139315" y="567040"/>
                  <a:pt x="143583" y="589448"/>
                </a:cubicBezTo>
                <a:cubicBezTo>
                  <a:pt x="149413" y="620056"/>
                  <a:pt x="158697" y="649904"/>
                  <a:pt x="166254" y="680132"/>
                </a:cubicBezTo>
                <a:cubicBezTo>
                  <a:pt x="176926" y="722821"/>
                  <a:pt x="171774" y="700176"/>
                  <a:pt x="181368" y="748145"/>
                </a:cubicBezTo>
                <a:lnTo>
                  <a:pt x="188925" y="914400"/>
                </a:ln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5" name="フリーフォーム: 図形 64">
            <a:extLst>
              <a:ext uri="{FF2B5EF4-FFF2-40B4-BE49-F238E27FC236}">
                <a16:creationId xmlns:a16="http://schemas.microsoft.com/office/drawing/2014/main" id="{DF2CF99A-44A6-96AA-BD24-45C062D417D4}"/>
              </a:ext>
            </a:extLst>
          </p:cNvPr>
          <p:cNvSpPr/>
          <p:nvPr/>
        </p:nvSpPr>
        <p:spPr>
          <a:xfrm>
            <a:off x="7103603" y="4095907"/>
            <a:ext cx="956819" cy="1231795"/>
          </a:xfrm>
          <a:custGeom>
            <a:avLst/>
            <a:gdLst>
              <a:gd name="connsiteX0" fmla="*/ 733032 w 956819"/>
              <a:gd name="connsiteY0" fmla="*/ 0 h 1231795"/>
              <a:gd name="connsiteX1" fmla="*/ 831273 w 956819"/>
              <a:gd name="connsiteY1" fmla="*/ 204040 h 1231795"/>
              <a:gd name="connsiteX2" fmla="*/ 876615 w 956819"/>
              <a:gd name="connsiteY2" fmla="*/ 302281 h 1231795"/>
              <a:gd name="connsiteX3" fmla="*/ 914400 w 956819"/>
              <a:gd name="connsiteY3" fmla="*/ 423194 h 1231795"/>
              <a:gd name="connsiteX4" fmla="*/ 929514 w 956819"/>
              <a:gd name="connsiteY4" fmla="*/ 513878 h 1231795"/>
              <a:gd name="connsiteX5" fmla="*/ 944628 w 956819"/>
              <a:gd name="connsiteY5" fmla="*/ 574334 h 1231795"/>
              <a:gd name="connsiteX6" fmla="*/ 937071 w 956819"/>
              <a:gd name="connsiteY6" fmla="*/ 937072 h 1231795"/>
              <a:gd name="connsiteX7" fmla="*/ 914400 w 956819"/>
              <a:gd name="connsiteY7" fmla="*/ 967300 h 1231795"/>
              <a:gd name="connsiteX8" fmla="*/ 899286 w 956819"/>
              <a:gd name="connsiteY8" fmla="*/ 1012642 h 1231795"/>
              <a:gd name="connsiteX9" fmla="*/ 831273 w 956819"/>
              <a:gd name="connsiteY9" fmla="*/ 1110883 h 1231795"/>
              <a:gd name="connsiteX10" fmla="*/ 801045 w 956819"/>
              <a:gd name="connsiteY10" fmla="*/ 1148668 h 1231795"/>
              <a:gd name="connsiteX11" fmla="*/ 733032 w 956819"/>
              <a:gd name="connsiteY11" fmla="*/ 1201567 h 1231795"/>
              <a:gd name="connsiteX12" fmla="*/ 657461 w 956819"/>
              <a:gd name="connsiteY12" fmla="*/ 1216681 h 1231795"/>
              <a:gd name="connsiteX13" fmla="*/ 597005 w 956819"/>
              <a:gd name="connsiteY13" fmla="*/ 1224238 h 1231795"/>
              <a:gd name="connsiteX14" fmla="*/ 559220 w 956819"/>
              <a:gd name="connsiteY14" fmla="*/ 1231795 h 1231795"/>
              <a:gd name="connsiteX15" fmla="*/ 136027 w 956819"/>
              <a:gd name="connsiteY15" fmla="*/ 1224238 h 1231795"/>
              <a:gd name="connsiteX16" fmla="*/ 113356 w 956819"/>
              <a:gd name="connsiteY16" fmla="*/ 1216681 h 1231795"/>
              <a:gd name="connsiteX17" fmla="*/ 90685 w 956819"/>
              <a:gd name="connsiteY17" fmla="*/ 1194010 h 1231795"/>
              <a:gd name="connsiteX18" fmla="*/ 52899 w 956819"/>
              <a:gd name="connsiteY18" fmla="*/ 1186453 h 1231795"/>
              <a:gd name="connsiteX19" fmla="*/ 0 w 956819"/>
              <a:gd name="connsiteY19" fmla="*/ 1163782 h 12317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956819" h="1231795">
                <a:moveTo>
                  <a:pt x="733032" y="0"/>
                </a:moveTo>
                <a:cubicBezTo>
                  <a:pt x="753685" y="103269"/>
                  <a:pt x="730917" y="8904"/>
                  <a:pt x="831273" y="204040"/>
                </a:cubicBezTo>
                <a:cubicBezTo>
                  <a:pt x="847768" y="236114"/>
                  <a:pt x="863824" y="268559"/>
                  <a:pt x="876615" y="302281"/>
                </a:cubicBezTo>
                <a:cubicBezTo>
                  <a:pt x="891591" y="341763"/>
                  <a:pt x="904159" y="382228"/>
                  <a:pt x="914400" y="423194"/>
                </a:cubicBezTo>
                <a:cubicBezTo>
                  <a:pt x="921832" y="452924"/>
                  <a:pt x="923504" y="483828"/>
                  <a:pt x="929514" y="513878"/>
                </a:cubicBezTo>
                <a:cubicBezTo>
                  <a:pt x="933588" y="534247"/>
                  <a:pt x="939590" y="554182"/>
                  <a:pt x="944628" y="574334"/>
                </a:cubicBezTo>
                <a:cubicBezTo>
                  <a:pt x="960710" y="719072"/>
                  <a:pt x="963437" y="710323"/>
                  <a:pt x="937071" y="937072"/>
                </a:cubicBezTo>
                <a:cubicBezTo>
                  <a:pt x="935616" y="949583"/>
                  <a:pt x="921957" y="957224"/>
                  <a:pt x="914400" y="967300"/>
                </a:cubicBezTo>
                <a:cubicBezTo>
                  <a:pt x="909362" y="982414"/>
                  <a:pt x="907268" y="998854"/>
                  <a:pt x="899286" y="1012642"/>
                </a:cubicBezTo>
                <a:cubicBezTo>
                  <a:pt x="879330" y="1047111"/>
                  <a:pt x="856154" y="1079782"/>
                  <a:pt x="831273" y="1110883"/>
                </a:cubicBezTo>
                <a:cubicBezTo>
                  <a:pt x="821197" y="1123478"/>
                  <a:pt x="812897" y="1137728"/>
                  <a:pt x="801045" y="1148668"/>
                </a:cubicBezTo>
                <a:cubicBezTo>
                  <a:pt x="779941" y="1168149"/>
                  <a:pt x="760895" y="1194601"/>
                  <a:pt x="733032" y="1201567"/>
                </a:cubicBezTo>
                <a:cubicBezTo>
                  <a:pt x="696311" y="1210747"/>
                  <a:pt x="700697" y="1210504"/>
                  <a:pt x="657461" y="1216681"/>
                </a:cubicBezTo>
                <a:cubicBezTo>
                  <a:pt x="637356" y="1219553"/>
                  <a:pt x="617078" y="1221150"/>
                  <a:pt x="597005" y="1224238"/>
                </a:cubicBezTo>
                <a:cubicBezTo>
                  <a:pt x="584310" y="1226191"/>
                  <a:pt x="571815" y="1229276"/>
                  <a:pt x="559220" y="1231795"/>
                </a:cubicBezTo>
                <a:lnTo>
                  <a:pt x="136027" y="1224238"/>
                </a:lnTo>
                <a:cubicBezTo>
                  <a:pt x="128066" y="1223968"/>
                  <a:pt x="119984" y="1221100"/>
                  <a:pt x="113356" y="1216681"/>
                </a:cubicBezTo>
                <a:cubicBezTo>
                  <a:pt x="104464" y="1210753"/>
                  <a:pt x="100244" y="1198789"/>
                  <a:pt x="90685" y="1194010"/>
                </a:cubicBezTo>
                <a:cubicBezTo>
                  <a:pt x="79196" y="1188266"/>
                  <a:pt x="65291" y="1189833"/>
                  <a:pt x="52899" y="1186453"/>
                </a:cubicBezTo>
                <a:cubicBezTo>
                  <a:pt x="8238" y="1174273"/>
                  <a:pt x="17914" y="1181696"/>
                  <a:pt x="0" y="1163782"/>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9" name="フリーフォーム: 図形 68">
            <a:extLst>
              <a:ext uri="{FF2B5EF4-FFF2-40B4-BE49-F238E27FC236}">
                <a16:creationId xmlns:a16="http://schemas.microsoft.com/office/drawing/2014/main" id="{18716D99-C9CC-34B9-342F-4C1832B51B7C}"/>
              </a:ext>
            </a:extLst>
          </p:cNvPr>
          <p:cNvSpPr/>
          <p:nvPr/>
        </p:nvSpPr>
        <p:spPr>
          <a:xfrm>
            <a:off x="5320145" y="4375517"/>
            <a:ext cx="438328" cy="952185"/>
          </a:xfrm>
          <a:custGeom>
            <a:avLst/>
            <a:gdLst>
              <a:gd name="connsiteX0" fmla="*/ 0 w 438328"/>
              <a:gd name="connsiteY0" fmla="*/ 952185 h 952185"/>
              <a:gd name="connsiteX1" fmla="*/ 68014 w 438328"/>
              <a:gd name="connsiteY1" fmla="*/ 763260 h 952185"/>
              <a:gd name="connsiteX2" fmla="*/ 173812 w 438328"/>
              <a:gd name="connsiteY2" fmla="*/ 566777 h 952185"/>
              <a:gd name="connsiteX3" fmla="*/ 256939 w 438328"/>
              <a:gd name="connsiteY3" fmla="*/ 453422 h 952185"/>
              <a:gd name="connsiteX4" fmla="*/ 302281 w 438328"/>
              <a:gd name="connsiteY4" fmla="*/ 377852 h 952185"/>
              <a:gd name="connsiteX5" fmla="*/ 324953 w 438328"/>
              <a:gd name="connsiteY5" fmla="*/ 340066 h 952185"/>
              <a:gd name="connsiteX6" fmla="*/ 347624 w 438328"/>
              <a:gd name="connsiteY6" fmla="*/ 309838 h 952185"/>
              <a:gd name="connsiteX7" fmla="*/ 377852 w 438328"/>
              <a:gd name="connsiteY7" fmla="*/ 226711 h 952185"/>
              <a:gd name="connsiteX8" fmla="*/ 392966 w 438328"/>
              <a:gd name="connsiteY8" fmla="*/ 173812 h 952185"/>
              <a:gd name="connsiteX9" fmla="*/ 408080 w 438328"/>
              <a:gd name="connsiteY9" fmla="*/ 128470 h 952185"/>
              <a:gd name="connsiteX10" fmla="*/ 415637 w 438328"/>
              <a:gd name="connsiteY10" fmla="*/ 83128 h 952185"/>
              <a:gd name="connsiteX11" fmla="*/ 423194 w 438328"/>
              <a:gd name="connsiteY11" fmla="*/ 60457 h 952185"/>
              <a:gd name="connsiteX12" fmla="*/ 430751 w 438328"/>
              <a:gd name="connsiteY12" fmla="*/ 30228 h 952185"/>
              <a:gd name="connsiteX13" fmla="*/ 438308 w 438328"/>
              <a:gd name="connsiteY13" fmla="*/ 0 h 9521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438328" h="952185">
                <a:moveTo>
                  <a:pt x="0" y="952185"/>
                </a:moveTo>
                <a:cubicBezTo>
                  <a:pt x="13951" y="854527"/>
                  <a:pt x="2058" y="903416"/>
                  <a:pt x="68014" y="763260"/>
                </a:cubicBezTo>
                <a:cubicBezTo>
                  <a:pt x="96057" y="703668"/>
                  <a:pt x="134981" y="623882"/>
                  <a:pt x="173812" y="566777"/>
                </a:cubicBezTo>
                <a:cubicBezTo>
                  <a:pt x="200160" y="528030"/>
                  <a:pt x="233692" y="494104"/>
                  <a:pt x="256939" y="453422"/>
                </a:cubicBezTo>
                <a:cubicBezTo>
                  <a:pt x="330987" y="323839"/>
                  <a:pt x="258320" y="448189"/>
                  <a:pt x="302281" y="377852"/>
                </a:cubicBezTo>
                <a:cubicBezTo>
                  <a:pt x="310066" y="365396"/>
                  <a:pt x="316805" y="352288"/>
                  <a:pt x="324953" y="340066"/>
                </a:cubicBezTo>
                <a:cubicBezTo>
                  <a:pt x="331939" y="329586"/>
                  <a:pt x="340067" y="319914"/>
                  <a:pt x="347624" y="309838"/>
                </a:cubicBezTo>
                <a:cubicBezTo>
                  <a:pt x="363895" y="228485"/>
                  <a:pt x="342333" y="319060"/>
                  <a:pt x="377852" y="226711"/>
                </a:cubicBezTo>
                <a:cubicBezTo>
                  <a:pt x="384435" y="209595"/>
                  <a:pt x="387573" y="191340"/>
                  <a:pt x="392966" y="173812"/>
                </a:cubicBezTo>
                <a:cubicBezTo>
                  <a:pt x="397651" y="158585"/>
                  <a:pt x="404216" y="143926"/>
                  <a:pt x="408080" y="128470"/>
                </a:cubicBezTo>
                <a:cubicBezTo>
                  <a:pt x="411796" y="113605"/>
                  <a:pt x="412313" y="98086"/>
                  <a:pt x="415637" y="83128"/>
                </a:cubicBezTo>
                <a:cubicBezTo>
                  <a:pt x="417365" y="75352"/>
                  <a:pt x="421006" y="68116"/>
                  <a:pt x="423194" y="60457"/>
                </a:cubicBezTo>
                <a:cubicBezTo>
                  <a:pt x="426047" y="50470"/>
                  <a:pt x="427898" y="40215"/>
                  <a:pt x="430751" y="30228"/>
                </a:cubicBezTo>
                <a:cubicBezTo>
                  <a:pt x="439105" y="990"/>
                  <a:pt x="438308" y="16844"/>
                  <a:pt x="438308" y="0"/>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フリーフォーム: 図形 70">
            <a:extLst>
              <a:ext uri="{FF2B5EF4-FFF2-40B4-BE49-F238E27FC236}">
                <a16:creationId xmlns:a16="http://schemas.microsoft.com/office/drawing/2014/main" id="{E39D8017-AE88-A461-A34A-C53B6CBA8E6F}"/>
              </a:ext>
            </a:extLst>
          </p:cNvPr>
          <p:cNvSpPr/>
          <p:nvPr/>
        </p:nvSpPr>
        <p:spPr>
          <a:xfrm>
            <a:off x="6529269" y="2871669"/>
            <a:ext cx="816159" cy="257680"/>
          </a:xfrm>
          <a:custGeom>
            <a:avLst/>
            <a:gdLst>
              <a:gd name="connsiteX0" fmla="*/ 816159 w 816159"/>
              <a:gd name="connsiteY0" fmla="*/ 0 h 257680"/>
              <a:gd name="connsiteX1" fmla="*/ 657462 w 816159"/>
              <a:gd name="connsiteY1" fmla="*/ 68014 h 257680"/>
              <a:gd name="connsiteX2" fmla="*/ 574334 w 816159"/>
              <a:gd name="connsiteY2" fmla="*/ 90685 h 257680"/>
              <a:gd name="connsiteX3" fmla="*/ 506321 w 816159"/>
              <a:gd name="connsiteY3" fmla="*/ 105799 h 257680"/>
              <a:gd name="connsiteX4" fmla="*/ 415637 w 816159"/>
              <a:gd name="connsiteY4" fmla="*/ 136027 h 257680"/>
              <a:gd name="connsiteX5" fmla="*/ 392966 w 816159"/>
              <a:gd name="connsiteY5" fmla="*/ 143584 h 257680"/>
              <a:gd name="connsiteX6" fmla="*/ 340067 w 816159"/>
              <a:gd name="connsiteY6" fmla="*/ 158698 h 257680"/>
              <a:gd name="connsiteX7" fmla="*/ 309838 w 816159"/>
              <a:gd name="connsiteY7" fmla="*/ 166255 h 257680"/>
              <a:gd name="connsiteX8" fmla="*/ 211597 w 816159"/>
              <a:gd name="connsiteY8" fmla="*/ 196483 h 257680"/>
              <a:gd name="connsiteX9" fmla="*/ 188926 w 816159"/>
              <a:gd name="connsiteY9" fmla="*/ 211597 h 257680"/>
              <a:gd name="connsiteX10" fmla="*/ 105799 w 816159"/>
              <a:gd name="connsiteY10" fmla="*/ 234268 h 257680"/>
              <a:gd name="connsiteX11" fmla="*/ 68014 w 816159"/>
              <a:gd name="connsiteY11" fmla="*/ 249382 h 257680"/>
              <a:gd name="connsiteX12" fmla="*/ 45343 w 816159"/>
              <a:gd name="connsiteY12" fmla="*/ 256939 h 257680"/>
              <a:gd name="connsiteX13" fmla="*/ 0 w 816159"/>
              <a:gd name="connsiteY13" fmla="*/ 256939 h 2576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816159" h="257680">
                <a:moveTo>
                  <a:pt x="816159" y="0"/>
                </a:moveTo>
                <a:cubicBezTo>
                  <a:pt x="763260" y="22671"/>
                  <a:pt x="712800" y="52203"/>
                  <a:pt x="657462" y="68014"/>
                </a:cubicBezTo>
                <a:cubicBezTo>
                  <a:pt x="624254" y="77502"/>
                  <a:pt x="605545" y="83482"/>
                  <a:pt x="574334" y="90685"/>
                </a:cubicBezTo>
                <a:cubicBezTo>
                  <a:pt x="551705" y="95907"/>
                  <a:pt x="528651" y="99419"/>
                  <a:pt x="506321" y="105799"/>
                </a:cubicBezTo>
                <a:cubicBezTo>
                  <a:pt x="475684" y="114552"/>
                  <a:pt x="445865" y="125951"/>
                  <a:pt x="415637" y="136027"/>
                </a:cubicBezTo>
                <a:cubicBezTo>
                  <a:pt x="408080" y="138546"/>
                  <a:pt x="400625" y="141396"/>
                  <a:pt x="392966" y="143584"/>
                </a:cubicBezTo>
                <a:lnTo>
                  <a:pt x="340067" y="158698"/>
                </a:lnTo>
                <a:cubicBezTo>
                  <a:pt x="330047" y="161431"/>
                  <a:pt x="319691" y="162971"/>
                  <a:pt x="309838" y="166255"/>
                </a:cubicBezTo>
                <a:cubicBezTo>
                  <a:pt x="214702" y="197967"/>
                  <a:pt x="284006" y="182001"/>
                  <a:pt x="211597" y="196483"/>
                </a:cubicBezTo>
                <a:cubicBezTo>
                  <a:pt x="204040" y="201521"/>
                  <a:pt x="197359" y="208224"/>
                  <a:pt x="188926" y="211597"/>
                </a:cubicBezTo>
                <a:cubicBezTo>
                  <a:pt x="127861" y="236023"/>
                  <a:pt x="152787" y="218605"/>
                  <a:pt x="105799" y="234268"/>
                </a:cubicBezTo>
                <a:cubicBezTo>
                  <a:pt x="92930" y="238558"/>
                  <a:pt x="80716" y="244619"/>
                  <a:pt x="68014" y="249382"/>
                </a:cubicBezTo>
                <a:cubicBezTo>
                  <a:pt x="60555" y="252179"/>
                  <a:pt x="53260" y="256059"/>
                  <a:pt x="45343" y="256939"/>
                </a:cubicBezTo>
                <a:cubicBezTo>
                  <a:pt x="30321" y="258608"/>
                  <a:pt x="15114" y="256939"/>
                  <a:pt x="0" y="256939"/>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3" name="フリーフォーム: 図形 72">
            <a:extLst>
              <a:ext uri="{FF2B5EF4-FFF2-40B4-BE49-F238E27FC236}">
                <a16:creationId xmlns:a16="http://schemas.microsoft.com/office/drawing/2014/main" id="{75BCA129-D304-4211-FF2F-6AC409E49C6B}"/>
              </a:ext>
            </a:extLst>
          </p:cNvPr>
          <p:cNvSpPr/>
          <p:nvPr/>
        </p:nvSpPr>
        <p:spPr>
          <a:xfrm>
            <a:off x="5977607" y="4299947"/>
            <a:ext cx="785930" cy="1028659"/>
          </a:xfrm>
          <a:custGeom>
            <a:avLst/>
            <a:gdLst>
              <a:gd name="connsiteX0" fmla="*/ 0 w 785930"/>
              <a:gd name="connsiteY0" fmla="*/ 0 h 1028659"/>
              <a:gd name="connsiteX1" fmla="*/ 75570 w 785930"/>
              <a:gd name="connsiteY1" fmla="*/ 151141 h 1028659"/>
              <a:gd name="connsiteX2" fmla="*/ 90684 w 785930"/>
              <a:gd name="connsiteY2" fmla="*/ 287167 h 1028659"/>
              <a:gd name="connsiteX3" fmla="*/ 113355 w 785930"/>
              <a:gd name="connsiteY3" fmla="*/ 589448 h 1028659"/>
              <a:gd name="connsiteX4" fmla="*/ 120912 w 785930"/>
              <a:gd name="connsiteY4" fmla="*/ 657461 h 1028659"/>
              <a:gd name="connsiteX5" fmla="*/ 128469 w 785930"/>
              <a:gd name="connsiteY5" fmla="*/ 755703 h 1028659"/>
              <a:gd name="connsiteX6" fmla="*/ 151140 w 785930"/>
              <a:gd name="connsiteY6" fmla="*/ 816159 h 1028659"/>
              <a:gd name="connsiteX7" fmla="*/ 158697 w 785930"/>
              <a:gd name="connsiteY7" fmla="*/ 846387 h 1028659"/>
              <a:gd name="connsiteX8" fmla="*/ 181368 w 785930"/>
              <a:gd name="connsiteY8" fmla="*/ 876615 h 1028659"/>
              <a:gd name="connsiteX9" fmla="*/ 249381 w 785930"/>
              <a:gd name="connsiteY9" fmla="*/ 959742 h 1028659"/>
              <a:gd name="connsiteX10" fmla="*/ 309838 w 785930"/>
              <a:gd name="connsiteY10" fmla="*/ 989970 h 1028659"/>
              <a:gd name="connsiteX11" fmla="*/ 340066 w 785930"/>
              <a:gd name="connsiteY11" fmla="*/ 1005084 h 1028659"/>
              <a:gd name="connsiteX12" fmla="*/ 430750 w 785930"/>
              <a:gd name="connsiteY12" fmla="*/ 1020198 h 1028659"/>
              <a:gd name="connsiteX13" fmla="*/ 453421 w 785930"/>
              <a:gd name="connsiteY13" fmla="*/ 1027755 h 1028659"/>
              <a:gd name="connsiteX14" fmla="*/ 725474 w 785930"/>
              <a:gd name="connsiteY14" fmla="*/ 1012641 h 1028659"/>
              <a:gd name="connsiteX15" fmla="*/ 778373 w 785930"/>
              <a:gd name="connsiteY15" fmla="*/ 982413 h 1028659"/>
              <a:gd name="connsiteX16" fmla="*/ 785930 w 785930"/>
              <a:gd name="connsiteY16" fmla="*/ 974856 h 102865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785930" h="1028659">
                <a:moveTo>
                  <a:pt x="0" y="0"/>
                </a:moveTo>
                <a:cubicBezTo>
                  <a:pt x="70067" y="113859"/>
                  <a:pt x="49893" y="61270"/>
                  <a:pt x="75570" y="151141"/>
                </a:cubicBezTo>
                <a:cubicBezTo>
                  <a:pt x="80608" y="196483"/>
                  <a:pt x="86766" y="241715"/>
                  <a:pt x="90684" y="287167"/>
                </a:cubicBezTo>
                <a:cubicBezTo>
                  <a:pt x="99362" y="387837"/>
                  <a:pt x="102197" y="489023"/>
                  <a:pt x="113355" y="589448"/>
                </a:cubicBezTo>
                <a:cubicBezTo>
                  <a:pt x="115874" y="612119"/>
                  <a:pt x="118847" y="634744"/>
                  <a:pt x="120912" y="657461"/>
                </a:cubicBezTo>
                <a:cubicBezTo>
                  <a:pt x="123886" y="690170"/>
                  <a:pt x="122324" y="723439"/>
                  <a:pt x="128469" y="755703"/>
                </a:cubicBezTo>
                <a:cubicBezTo>
                  <a:pt x="132496" y="776845"/>
                  <a:pt x="144334" y="795741"/>
                  <a:pt x="151140" y="816159"/>
                </a:cubicBezTo>
                <a:cubicBezTo>
                  <a:pt x="154424" y="826012"/>
                  <a:pt x="154052" y="837097"/>
                  <a:pt x="158697" y="846387"/>
                </a:cubicBezTo>
                <a:cubicBezTo>
                  <a:pt x="164330" y="857652"/>
                  <a:pt x="174145" y="866297"/>
                  <a:pt x="181368" y="876615"/>
                </a:cubicBezTo>
                <a:cubicBezTo>
                  <a:pt x="209605" y="916954"/>
                  <a:pt x="210392" y="928551"/>
                  <a:pt x="249381" y="959742"/>
                </a:cubicBezTo>
                <a:cubicBezTo>
                  <a:pt x="287280" y="990061"/>
                  <a:pt x="276875" y="975843"/>
                  <a:pt x="309838" y="989970"/>
                </a:cubicBezTo>
                <a:cubicBezTo>
                  <a:pt x="320192" y="994408"/>
                  <a:pt x="329518" y="1001128"/>
                  <a:pt x="340066" y="1005084"/>
                </a:cubicBezTo>
                <a:cubicBezTo>
                  <a:pt x="365031" y="1014446"/>
                  <a:pt x="408805" y="1017455"/>
                  <a:pt x="430750" y="1020198"/>
                </a:cubicBezTo>
                <a:cubicBezTo>
                  <a:pt x="438307" y="1022717"/>
                  <a:pt x="445455" y="1027755"/>
                  <a:pt x="453421" y="1027755"/>
                </a:cubicBezTo>
                <a:cubicBezTo>
                  <a:pt x="660671" y="1027755"/>
                  <a:pt x="617628" y="1034210"/>
                  <a:pt x="725474" y="1012641"/>
                </a:cubicBezTo>
                <a:cubicBezTo>
                  <a:pt x="750577" y="1000090"/>
                  <a:pt x="757010" y="998435"/>
                  <a:pt x="778373" y="982413"/>
                </a:cubicBezTo>
                <a:cubicBezTo>
                  <a:pt x="781223" y="980276"/>
                  <a:pt x="783411" y="977375"/>
                  <a:pt x="785930" y="974856"/>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楕円 73">
            <a:extLst>
              <a:ext uri="{FF2B5EF4-FFF2-40B4-BE49-F238E27FC236}">
                <a16:creationId xmlns:a16="http://schemas.microsoft.com/office/drawing/2014/main" id="{CAEEC876-FBB1-67F7-D936-FC6F6F8A9F73}"/>
              </a:ext>
            </a:extLst>
          </p:cNvPr>
          <p:cNvSpPr/>
          <p:nvPr/>
        </p:nvSpPr>
        <p:spPr>
          <a:xfrm>
            <a:off x="4022434" y="1542276"/>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5" name="楕円 74">
            <a:extLst>
              <a:ext uri="{FF2B5EF4-FFF2-40B4-BE49-F238E27FC236}">
                <a16:creationId xmlns:a16="http://schemas.microsoft.com/office/drawing/2014/main" id="{332231F7-1643-4906-429A-1D11C52DFD87}"/>
              </a:ext>
            </a:extLst>
          </p:cNvPr>
          <p:cNvSpPr/>
          <p:nvPr/>
        </p:nvSpPr>
        <p:spPr>
          <a:xfrm>
            <a:off x="4022434" y="5518085"/>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楕円 75">
            <a:extLst>
              <a:ext uri="{FF2B5EF4-FFF2-40B4-BE49-F238E27FC236}">
                <a16:creationId xmlns:a16="http://schemas.microsoft.com/office/drawing/2014/main" id="{7D38AB0E-F651-94E4-E120-13D2BC323CCD}"/>
              </a:ext>
            </a:extLst>
          </p:cNvPr>
          <p:cNvSpPr/>
          <p:nvPr/>
        </p:nvSpPr>
        <p:spPr>
          <a:xfrm>
            <a:off x="7483146" y="5616401"/>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楕円 77">
            <a:extLst>
              <a:ext uri="{FF2B5EF4-FFF2-40B4-BE49-F238E27FC236}">
                <a16:creationId xmlns:a16="http://schemas.microsoft.com/office/drawing/2014/main" id="{E73885AF-7B73-4F3D-DCB7-157DB633766D}"/>
              </a:ext>
            </a:extLst>
          </p:cNvPr>
          <p:cNvSpPr/>
          <p:nvPr/>
        </p:nvSpPr>
        <p:spPr>
          <a:xfrm>
            <a:off x="7424357" y="1591914"/>
            <a:ext cx="397164" cy="387927"/>
          </a:xfrm>
          <a:prstGeom prst="ellipse">
            <a:avLst/>
          </a:prstGeom>
          <a:solidFill>
            <a:schemeClr val="bg2"/>
          </a:solidFill>
          <a:ln>
            <a:solidFill>
              <a:srgbClr val="C00000"/>
            </a:solidFill>
          </a:ln>
          <a:effectLst/>
          <a:scene3d>
            <a:camera prst="orthographicFront">
              <a:rot lat="0" lon="0" rev="0"/>
            </a:camera>
            <a:lightRig rig="contrasting" dir="t">
              <a:rot lat="0" lon="0" rev="7800000"/>
            </a:lightRig>
          </a:scene3d>
          <a:sp3d>
            <a:bevelT w="139700" h="139700"/>
          </a:sp3d>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8" name="フリーフォーム: 図形 87">
            <a:extLst>
              <a:ext uri="{FF2B5EF4-FFF2-40B4-BE49-F238E27FC236}">
                <a16:creationId xmlns:a16="http://schemas.microsoft.com/office/drawing/2014/main" id="{8F03E2D9-5048-0F51-61AB-E01AEA5FD8FE}"/>
              </a:ext>
            </a:extLst>
          </p:cNvPr>
          <p:cNvSpPr/>
          <p:nvPr/>
        </p:nvSpPr>
        <p:spPr>
          <a:xfrm>
            <a:off x="4398188" y="1624760"/>
            <a:ext cx="1692774" cy="158698"/>
          </a:xfrm>
          <a:custGeom>
            <a:avLst/>
            <a:gdLst>
              <a:gd name="connsiteX0" fmla="*/ 0 w 1692774"/>
              <a:gd name="connsiteY0" fmla="*/ 52900 h 158698"/>
              <a:gd name="connsiteX1" fmla="*/ 264496 w 1692774"/>
              <a:gd name="connsiteY1" fmla="*/ 45342 h 158698"/>
              <a:gd name="connsiteX2" fmla="*/ 566777 w 1692774"/>
              <a:gd name="connsiteY2" fmla="*/ 22671 h 158698"/>
              <a:gd name="connsiteX3" fmla="*/ 770817 w 1692774"/>
              <a:gd name="connsiteY3" fmla="*/ 7557 h 158698"/>
              <a:gd name="connsiteX4" fmla="*/ 1012642 w 1692774"/>
              <a:gd name="connsiteY4" fmla="*/ 0 h 158698"/>
              <a:gd name="connsiteX5" fmla="*/ 1337594 w 1692774"/>
              <a:gd name="connsiteY5" fmla="*/ 7557 h 158698"/>
              <a:gd name="connsiteX6" fmla="*/ 1375379 w 1692774"/>
              <a:gd name="connsiteY6" fmla="*/ 15114 h 158698"/>
              <a:gd name="connsiteX7" fmla="*/ 1420721 w 1692774"/>
              <a:gd name="connsiteY7" fmla="*/ 22671 h 158698"/>
              <a:gd name="connsiteX8" fmla="*/ 1549191 w 1692774"/>
              <a:gd name="connsiteY8" fmla="*/ 30228 h 158698"/>
              <a:gd name="connsiteX9" fmla="*/ 1594533 w 1692774"/>
              <a:gd name="connsiteY9" fmla="*/ 45342 h 158698"/>
              <a:gd name="connsiteX10" fmla="*/ 1624761 w 1692774"/>
              <a:gd name="connsiteY10" fmla="*/ 68014 h 158698"/>
              <a:gd name="connsiteX11" fmla="*/ 1647432 w 1692774"/>
              <a:gd name="connsiteY11" fmla="*/ 83128 h 158698"/>
              <a:gd name="connsiteX12" fmla="*/ 1670103 w 1692774"/>
              <a:gd name="connsiteY12" fmla="*/ 120913 h 158698"/>
              <a:gd name="connsiteX13" fmla="*/ 1692774 w 1692774"/>
              <a:gd name="connsiteY13" fmla="*/ 158698 h 15869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692774" h="158698">
                <a:moveTo>
                  <a:pt x="0" y="52900"/>
                </a:moveTo>
                <a:lnTo>
                  <a:pt x="264496" y="45342"/>
                </a:lnTo>
                <a:cubicBezTo>
                  <a:pt x="326480" y="42862"/>
                  <a:pt x="530968" y="25324"/>
                  <a:pt x="566777" y="22671"/>
                </a:cubicBezTo>
                <a:cubicBezTo>
                  <a:pt x="634790" y="17633"/>
                  <a:pt x="702651" y="9687"/>
                  <a:pt x="770817" y="7557"/>
                </a:cubicBezTo>
                <a:lnTo>
                  <a:pt x="1012642" y="0"/>
                </a:lnTo>
                <a:lnTo>
                  <a:pt x="1337594" y="7557"/>
                </a:lnTo>
                <a:cubicBezTo>
                  <a:pt x="1350427" y="8092"/>
                  <a:pt x="1362742" y="12816"/>
                  <a:pt x="1375379" y="15114"/>
                </a:cubicBezTo>
                <a:cubicBezTo>
                  <a:pt x="1390454" y="17855"/>
                  <a:pt x="1405456" y="21344"/>
                  <a:pt x="1420721" y="22671"/>
                </a:cubicBezTo>
                <a:cubicBezTo>
                  <a:pt x="1463457" y="26387"/>
                  <a:pt x="1506368" y="27709"/>
                  <a:pt x="1549191" y="30228"/>
                </a:cubicBezTo>
                <a:cubicBezTo>
                  <a:pt x="1564305" y="35266"/>
                  <a:pt x="1580283" y="38217"/>
                  <a:pt x="1594533" y="45342"/>
                </a:cubicBezTo>
                <a:cubicBezTo>
                  <a:pt x="1605798" y="50975"/>
                  <a:pt x="1614512" y="60693"/>
                  <a:pt x="1624761" y="68014"/>
                </a:cubicBezTo>
                <a:cubicBezTo>
                  <a:pt x="1632152" y="73293"/>
                  <a:pt x="1639875" y="78090"/>
                  <a:pt x="1647432" y="83128"/>
                </a:cubicBezTo>
                <a:cubicBezTo>
                  <a:pt x="1654989" y="95723"/>
                  <a:pt x="1662318" y="108457"/>
                  <a:pt x="1670103" y="120913"/>
                </a:cubicBezTo>
                <a:cubicBezTo>
                  <a:pt x="1692901" y="157390"/>
                  <a:pt x="1678327" y="129805"/>
                  <a:pt x="1692774" y="158698"/>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9" name="フリーフォーム: 図形 88">
            <a:extLst>
              <a:ext uri="{FF2B5EF4-FFF2-40B4-BE49-F238E27FC236}">
                <a16:creationId xmlns:a16="http://schemas.microsoft.com/office/drawing/2014/main" id="{F4238847-7BCB-6040-AEB9-D6ED3E4E68DC}"/>
              </a:ext>
            </a:extLst>
          </p:cNvPr>
          <p:cNvSpPr/>
          <p:nvPr/>
        </p:nvSpPr>
        <p:spPr>
          <a:xfrm>
            <a:off x="4311920" y="5825228"/>
            <a:ext cx="3214877" cy="250620"/>
          </a:xfrm>
          <a:custGeom>
            <a:avLst/>
            <a:gdLst>
              <a:gd name="connsiteX0" fmla="*/ 3214877 w 3214877"/>
              <a:gd name="connsiteY0" fmla="*/ 107036 h 250620"/>
              <a:gd name="connsiteX1" fmla="*/ 1998196 w 3214877"/>
              <a:gd name="connsiteY1" fmla="*/ 107036 h 250620"/>
              <a:gd name="connsiteX2" fmla="*/ 1930182 w 3214877"/>
              <a:gd name="connsiteY2" fmla="*/ 114593 h 250620"/>
              <a:gd name="connsiteX3" fmla="*/ 1847055 w 3214877"/>
              <a:gd name="connsiteY3" fmla="*/ 122151 h 250620"/>
              <a:gd name="connsiteX4" fmla="*/ 1680801 w 3214877"/>
              <a:gd name="connsiteY4" fmla="*/ 144822 h 250620"/>
              <a:gd name="connsiteX5" fmla="*/ 1575002 w 3214877"/>
              <a:gd name="connsiteY5" fmla="*/ 167493 h 250620"/>
              <a:gd name="connsiteX6" fmla="*/ 1386077 w 3214877"/>
              <a:gd name="connsiteY6" fmla="*/ 197721 h 250620"/>
              <a:gd name="connsiteX7" fmla="*/ 1340735 w 3214877"/>
              <a:gd name="connsiteY7" fmla="*/ 212835 h 250620"/>
              <a:gd name="connsiteX8" fmla="*/ 1242493 w 3214877"/>
              <a:gd name="connsiteY8" fmla="*/ 227949 h 250620"/>
              <a:gd name="connsiteX9" fmla="*/ 1166923 w 3214877"/>
              <a:gd name="connsiteY9" fmla="*/ 243063 h 250620"/>
              <a:gd name="connsiteX10" fmla="*/ 1038454 w 3214877"/>
              <a:gd name="connsiteY10" fmla="*/ 250620 h 250620"/>
              <a:gd name="connsiteX11" fmla="*/ 622817 w 3214877"/>
              <a:gd name="connsiteY11" fmla="*/ 235506 h 250620"/>
              <a:gd name="connsiteX12" fmla="*/ 479234 w 3214877"/>
              <a:gd name="connsiteY12" fmla="*/ 205278 h 250620"/>
              <a:gd name="connsiteX13" fmla="*/ 426335 w 3214877"/>
              <a:gd name="connsiteY13" fmla="*/ 197721 h 250620"/>
              <a:gd name="connsiteX14" fmla="*/ 365878 w 3214877"/>
              <a:gd name="connsiteY14" fmla="*/ 175050 h 250620"/>
              <a:gd name="connsiteX15" fmla="*/ 207181 w 3214877"/>
              <a:gd name="connsiteY15" fmla="*/ 129708 h 250620"/>
              <a:gd name="connsiteX16" fmla="*/ 139168 w 3214877"/>
              <a:gd name="connsiteY16" fmla="*/ 84365 h 250620"/>
              <a:gd name="connsiteX17" fmla="*/ 108940 w 3214877"/>
              <a:gd name="connsiteY17" fmla="*/ 69251 h 250620"/>
              <a:gd name="connsiteX18" fmla="*/ 93825 w 3214877"/>
              <a:gd name="connsiteY18" fmla="*/ 54137 h 250620"/>
              <a:gd name="connsiteX19" fmla="*/ 40926 w 3214877"/>
              <a:gd name="connsiteY19" fmla="*/ 31466 h 250620"/>
              <a:gd name="connsiteX20" fmla="*/ 3141 w 3214877"/>
              <a:gd name="connsiteY20" fmla="*/ 8795 h 250620"/>
              <a:gd name="connsiteX21" fmla="*/ 63597 w 3214877"/>
              <a:gd name="connsiteY21" fmla="*/ 39023 h 2506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3214877" h="250620">
                <a:moveTo>
                  <a:pt x="3214877" y="107036"/>
                </a:moveTo>
                <a:cubicBezTo>
                  <a:pt x="2792799" y="22620"/>
                  <a:pt x="3157851" y="92980"/>
                  <a:pt x="1998196" y="107036"/>
                </a:cubicBezTo>
                <a:cubicBezTo>
                  <a:pt x="1975387" y="107312"/>
                  <a:pt x="1952880" y="112323"/>
                  <a:pt x="1930182" y="114593"/>
                </a:cubicBezTo>
                <a:cubicBezTo>
                  <a:pt x="1902497" y="117362"/>
                  <a:pt x="1874645" y="118552"/>
                  <a:pt x="1847055" y="122151"/>
                </a:cubicBezTo>
                <a:cubicBezTo>
                  <a:pt x="1593763" y="155191"/>
                  <a:pt x="1900565" y="122846"/>
                  <a:pt x="1680801" y="144822"/>
                </a:cubicBezTo>
                <a:cubicBezTo>
                  <a:pt x="1645535" y="152379"/>
                  <a:pt x="1610507" y="161153"/>
                  <a:pt x="1575002" y="167493"/>
                </a:cubicBezTo>
                <a:cubicBezTo>
                  <a:pt x="1498084" y="181228"/>
                  <a:pt x="1459381" y="180473"/>
                  <a:pt x="1386077" y="197721"/>
                </a:cubicBezTo>
                <a:cubicBezTo>
                  <a:pt x="1370569" y="201370"/>
                  <a:pt x="1356325" y="209553"/>
                  <a:pt x="1340735" y="212835"/>
                </a:cubicBezTo>
                <a:cubicBezTo>
                  <a:pt x="1308313" y="219661"/>
                  <a:pt x="1275136" y="222272"/>
                  <a:pt x="1242493" y="227949"/>
                </a:cubicBezTo>
                <a:cubicBezTo>
                  <a:pt x="1217184" y="232351"/>
                  <a:pt x="1192455" y="240226"/>
                  <a:pt x="1166923" y="243063"/>
                </a:cubicBezTo>
                <a:cubicBezTo>
                  <a:pt x="1124288" y="247800"/>
                  <a:pt x="1081277" y="248101"/>
                  <a:pt x="1038454" y="250620"/>
                </a:cubicBezTo>
                <a:cubicBezTo>
                  <a:pt x="973770" y="249116"/>
                  <a:pt x="740119" y="250169"/>
                  <a:pt x="622817" y="235506"/>
                </a:cubicBezTo>
                <a:cubicBezTo>
                  <a:pt x="454695" y="214491"/>
                  <a:pt x="597114" y="230538"/>
                  <a:pt x="479234" y="205278"/>
                </a:cubicBezTo>
                <a:cubicBezTo>
                  <a:pt x="461817" y="201546"/>
                  <a:pt x="443968" y="200240"/>
                  <a:pt x="426335" y="197721"/>
                </a:cubicBezTo>
                <a:cubicBezTo>
                  <a:pt x="406183" y="190164"/>
                  <a:pt x="386377" y="181610"/>
                  <a:pt x="365878" y="175050"/>
                </a:cubicBezTo>
                <a:cubicBezTo>
                  <a:pt x="278628" y="147130"/>
                  <a:pt x="268804" y="145114"/>
                  <a:pt x="207181" y="129708"/>
                </a:cubicBezTo>
                <a:cubicBezTo>
                  <a:pt x="136494" y="94362"/>
                  <a:pt x="223023" y="140268"/>
                  <a:pt x="139168" y="84365"/>
                </a:cubicBezTo>
                <a:cubicBezTo>
                  <a:pt x="129795" y="78116"/>
                  <a:pt x="118313" y="75500"/>
                  <a:pt x="108940" y="69251"/>
                </a:cubicBezTo>
                <a:cubicBezTo>
                  <a:pt x="103012" y="65299"/>
                  <a:pt x="100053" y="57597"/>
                  <a:pt x="93825" y="54137"/>
                </a:cubicBezTo>
                <a:cubicBezTo>
                  <a:pt x="77055" y="44820"/>
                  <a:pt x="58085" y="40045"/>
                  <a:pt x="40926" y="31466"/>
                </a:cubicBezTo>
                <a:cubicBezTo>
                  <a:pt x="27789" y="24897"/>
                  <a:pt x="-11262" y="11676"/>
                  <a:pt x="3141" y="8795"/>
                </a:cubicBezTo>
                <a:cubicBezTo>
                  <a:pt x="126976" y="-15972"/>
                  <a:pt x="85427" y="17193"/>
                  <a:pt x="63597" y="39023"/>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0" name="フリーフォーム: 図形 89">
            <a:extLst>
              <a:ext uri="{FF2B5EF4-FFF2-40B4-BE49-F238E27FC236}">
                <a16:creationId xmlns:a16="http://schemas.microsoft.com/office/drawing/2014/main" id="{B5340E34-F0AA-441C-1AE2-320E6CCF4884}"/>
              </a:ext>
            </a:extLst>
          </p:cNvPr>
          <p:cNvSpPr/>
          <p:nvPr/>
        </p:nvSpPr>
        <p:spPr>
          <a:xfrm>
            <a:off x="7541911" y="4194149"/>
            <a:ext cx="105798" cy="1420720"/>
          </a:xfrm>
          <a:custGeom>
            <a:avLst/>
            <a:gdLst>
              <a:gd name="connsiteX0" fmla="*/ 105798 w 105798"/>
              <a:gd name="connsiteY0" fmla="*/ 0 h 1420720"/>
              <a:gd name="connsiteX1" fmla="*/ 83127 w 105798"/>
              <a:gd name="connsiteY1" fmla="*/ 453421 h 1420720"/>
              <a:gd name="connsiteX2" fmla="*/ 68013 w 105798"/>
              <a:gd name="connsiteY2" fmla="*/ 589448 h 1420720"/>
              <a:gd name="connsiteX3" fmla="*/ 45342 w 105798"/>
              <a:gd name="connsiteY3" fmla="*/ 755702 h 1420720"/>
              <a:gd name="connsiteX4" fmla="*/ 30228 w 105798"/>
              <a:gd name="connsiteY4" fmla="*/ 891729 h 1420720"/>
              <a:gd name="connsiteX5" fmla="*/ 15114 w 105798"/>
              <a:gd name="connsiteY5" fmla="*/ 944628 h 1420720"/>
              <a:gd name="connsiteX6" fmla="*/ 7557 w 105798"/>
              <a:gd name="connsiteY6" fmla="*/ 1080654 h 1420720"/>
              <a:gd name="connsiteX7" fmla="*/ 0 w 105798"/>
              <a:gd name="connsiteY7" fmla="*/ 1201567 h 1420720"/>
              <a:gd name="connsiteX8" fmla="*/ 15114 w 105798"/>
              <a:gd name="connsiteY8" fmla="*/ 1314922 h 1420720"/>
              <a:gd name="connsiteX9" fmla="*/ 60456 w 105798"/>
              <a:gd name="connsiteY9" fmla="*/ 1382935 h 1420720"/>
              <a:gd name="connsiteX10" fmla="*/ 90684 w 105798"/>
              <a:gd name="connsiteY10" fmla="*/ 1420720 h 14207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05798" h="1420720">
                <a:moveTo>
                  <a:pt x="105798" y="0"/>
                </a:moveTo>
                <a:cubicBezTo>
                  <a:pt x="98584" y="165915"/>
                  <a:pt x="96071" y="298092"/>
                  <a:pt x="83127" y="453421"/>
                </a:cubicBezTo>
                <a:cubicBezTo>
                  <a:pt x="64097" y="681786"/>
                  <a:pt x="86293" y="397505"/>
                  <a:pt x="68013" y="589448"/>
                </a:cubicBezTo>
                <a:cubicBezTo>
                  <a:pt x="54784" y="728353"/>
                  <a:pt x="70332" y="643247"/>
                  <a:pt x="45342" y="755702"/>
                </a:cubicBezTo>
                <a:cubicBezTo>
                  <a:pt x="40304" y="801044"/>
                  <a:pt x="37436" y="846681"/>
                  <a:pt x="30228" y="891729"/>
                </a:cubicBezTo>
                <a:cubicBezTo>
                  <a:pt x="27331" y="909837"/>
                  <a:pt x="17299" y="926420"/>
                  <a:pt x="15114" y="944628"/>
                </a:cubicBezTo>
                <a:cubicBezTo>
                  <a:pt x="9703" y="989716"/>
                  <a:pt x="10224" y="1035320"/>
                  <a:pt x="7557" y="1080654"/>
                </a:cubicBezTo>
                <a:cubicBezTo>
                  <a:pt x="5186" y="1120967"/>
                  <a:pt x="2519" y="1161263"/>
                  <a:pt x="0" y="1201567"/>
                </a:cubicBezTo>
                <a:cubicBezTo>
                  <a:pt x="5038" y="1239352"/>
                  <a:pt x="7261" y="1277620"/>
                  <a:pt x="15114" y="1314922"/>
                </a:cubicBezTo>
                <a:cubicBezTo>
                  <a:pt x="20105" y="1338631"/>
                  <a:pt x="48012" y="1366343"/>
                  <a:pt x="60456" y="1382935"/>
                </a:cubicBezTo>
                <a:cubicBezTo>
                  <a:pt x="89055" y="1421067"/>
                  <a:pt x="61669" y="1391705"/>
                  <a:pt x="90684" y="1420720"/>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1" name="フリーフォーム: 図形 90">
            <a:extLst>
              <a:ext uri="{FF2B5EF4-FFF2-40B4-BE49-F238E27FC236}">
                <a16:creationId xmlns:a16="http://schemas.microsoft.com/office/drawing/2014/main" id="{4506412B-ACAB-81D7-7A6C-C35EC0C9CD65}"/>
              </a:ext>
            </a:extLst>
          </p:cNvPr>
          <p:cNvSpPr/>
          <p:nvPr/>
        </p:nvSpPr>
        <p:spPr>
          <a:xfrm>
            <a:off x="7813964" y="1723002"/>
            <a:ext cx="249381" cy="2176423"/>
          </a:xfrm>
          <a:custGeom>
            <a:avLst/>
            <a:gdLst>
              <a:gd name="connsiteX0" fmla="*/ 0 w 249381"/>
              <a:gd name="connsiteY0" fmla="*/ 0 h 2176423"/>
              <a:gd name="connsiteX1" fmla="*/ 120912 w 249381"/>
              <a:gd name="connsiteY1" fmla="*/ 181368 h 2176423"/>
              <a:gd name="connsiteX2" fmla="*/ 204039 w 249381"/>
              <a:gd name="connsiteY2" fmla="*/ 400522 h 2176423"/>
              <a:gd name="connsiteX3" fmla="*/ 219153 w 249381"/>
              <a:gd name="connsiteY3" fmla="*/ 521434 h 2176423"/>
              <a:gd name="connsiteX4" fmla="*/ 241824 w 249381"/>
              <a:gd name="connsiteY4" fmla="*/ 680132 h 2176423"/>
              <a:gd name="connsiteX5" fmla="*/ 249381 w 249381"/>
              <a:gd name="connsiteY5" fmla="*/ 1110882 h 2176423"/>
              <a:gd name="connsiteX6" fmla="*/ 241824 w 249381"/>
              <a:gd name="connsiteY6" fmla="*/ 1390492 h 2176423"/>
              <a:gd name="connsiteX7" fmla="*/ 219153 w 249381"/>
              <a:gd name="connsiteY7" fmla="*/ 1481177 h 2176423"/>
              <a:gd name="connsiteX8" fmla="*/ 196482 w 249381"/>
              <a:gd name="connsiteY8" fmla="*/ 1602089 h 2176423"/>
              <a:gd name="connsiteX9" fmla="*/ 173811 w 249381"/>
              <a:gd name="connsiteY9" fmla="*/ 1715444 h 2176423"/>
              <a:gd name="connsiteX10" fmla="*/ 166254 w 249381"/>
              <a:gd name="connsiteY10" fmla="*/ 1775900 h 2176423"/>
              <a:gd name="connsiteX11" fmla="*/ 158697 w 249381"/>
              <a:gd name="connsiteY11" fmla="*/ 1813686 h 2176423"/>
              <a:gd name="connsiteX12" fmla="*/ 151140 w 249381"/>
              <a:gd name="connsiteY12" fmla="*/ 1874142 h 2176423"/>
              <a:gd name="connsiteX13" fmla="*/ 143583 w 249381"/>
              <a:gd name="connsiteY13" fmla="*/ 1927041 h 2176423"/>
              <a:gd name="connsiteX14" fmla="*/ 113355 w 249381"/>
              <a:gd name="connsiteY14" fmla="*/ 2032839 h 2176423"/>
              <a:gd name="connsiteX15" fmla="*/ 83127 w 249381"/>
              <a:gd name="connsiteY15" fmla="*/ 2108410 h 2176423"/>
              <a:gd name="connsiteX16" fmla="*/ 68013 w 249381"/>
              <a:gd name="connsiteY16" fmla="*/ 2131081 h 2176423"/>
              <a:gd name="connsiteX17" fmla="*/ 45342 w 249381"/>
              <a:gd name="connsiteY17" fmla="*/ 2168866 h 2176423"/>
              <a:gd name="connsiteX18" fmla="*/ 22671 w 249381"/>
              <a:gd name="connsiteY18" fmla="*/ 2176423 h 21764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249381" h="2176423">
                <a:moveTo>
                  <a:pt x="0" y="0"/>
                </a:moveTo>
                <a:cubicBezTo>
                  <a:pt x="40304" y="60456"/>
                  <a:pt x="95143" y="113432"/>
                  <a:pt x="120912" y="181368"/>
                </a:cubicBezTo>
                <a:lnTo>
                  <a:pt x="204039" y="400522"/>
                </a:lnTo>
                <a:cubicBezTo>
                  <a:pt x="209077" y="440826"/>
                  <a:pt x="213714" y="481182"/>
                  <a:pt x="219153" y="521434"/>
                </a:cubicBezTo>
                <a:cubicBezTo>
                  <a:pt x="226309" y="574389"/>
                  <a:pt x="239087" y="626766"/>
                  <a:pt x="241824" y="680132"/>
                </a:cubicBezTo>
                <a:cubicBezTo>
                  <a:pt x="249179" y="823549"/>
                  <a:pt x="246862" y="967299"/>
                  <a:pt x="249381" y="1110882"/>
                </a:cubicBezTo>
                <a:cubicBezTo>
                  <a:pt x="246862" y="1204085"/>
                  <a:pt x="249410" y="1297564"/>
                  <a:pt x="241824" y="1390492"/>
                </a:cubicBezTo>
                <a:cubicBezTo>
                  <a:pt x="239289" y="1421547"/>
                  <a:pt x="224492" y="1450479"/>
                  <a:pt x="219153" y="1481177"/>
                </a:cubicBezTo>
                <a:cubicBezTo>
                  <a:pt x="196177" y="1613291"/>
                  <a:pt x="228848" y="1521174"/>
                  <a:pt x="196482" y="1602089"/>
                </a:cubicBezTo>
                <a:cubicBezTo>
                  <a:pt x="172656" y="1768873"/>
                  <a:pt x="208792" y="1528877"/>
                  <a:pt x="173811" y="1715444"/>
                </a:cubicBezTo>
                <a:cubicBezTo>
                  <a:pt x="170068" y="1735405"/>
                  <a:pt x="169342" y="1755827"/>
                  <a:pt x="166254" y="1775900"/>
                </a:cubicBezTo>
                <a:cubicBezTo>
                  <a:pt x="164301" y="1788595"/>
                  <a:pt x="160650" y="1800991"/>
                  <a:pt x="158697" y="1813686"/>
                </a:cubicBezTo>
                <a:cubicBezTo>
                  <a:pt x="155609" y="1833759"/>
                  <a:pt x="153824" y="1854011"/>
                  <a:pt x="151140" y="1874142"/>
                </a:cubicBezTo>
                <a:cubicBezTo>
                  <a:pt x="148786" y="1891798"/>
                  <a:pt x="147709" y="1909713"/>
                  <a:pt x="143583" y="1927041"/>
                </a:cubicBezTo>
                <a:cubicBezTo>
                  <a:pt x="135088" y="1962721"/>
                  <a:pt x="124953" y="1998044"/>
                  <a:pt x="113355" y="2032839"/>
                </a:cubicBezTo>
                <a:cubicBezTo>
                  <a:pt x="103304" y="2062993"/>
                  <a:pt x="100332" y="2073999"/>
                  <a:pt x="83127" y="2108410"/>
                </a:cubicBezTo>
                <a:cubicBezTo>
                  <a:pt x="79065" y="2116534"/>
                  <a:pt x="72827" y="2123379"/>
                  <a:pt x="68013" y="2131081"/>
                </a:cubicBezTo>
                <a:cubicBezTo>
                  <a:pt x="60228" y="2143537"/>
                  <a:pt x="55728" y="2158480"/>
                  <a:pt x="45342" y="2168866"/>
                </a:cubicBezTo>
                <a:cubicBezTo>
                  <a:pt x="39709" y="2174499"/>
                  <a:pt x="30228" y="2173904"/>
                  <a:pt x="22671" y="2176423"/>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2" name="フリーフォーム: 図形 91">
            <a:extLst>
              <a:ext uri="{FF2B5EF4-FFF2-40B4-BE49-F238E27FC236}">
                <a16:creationId xmlns:a16="http://schemas.microsoft.com/office/drawing/2014/main" id="{5A220CEC-027C-6DBB-8AF6-412EA393C3B8}"/>
              </a:ext>
            </a:extLst>
          </p:cNvPr>
          <p:cNvSpPr/>
          <p:nvPr/>
        </p:nvSpPr>
        <p:spPr>
          <a:xfrm>
            <a:off x="3952324" y="1949712"/>
            <a:ext cx="317395" cy="2456033"/>
          </a:xfrm>
          <a:custGeom>
            <a:avLst/>
            <a:gdLst>
              <a:gd name="connsiteX0" fmla="*/ 234268 w 317395"/>
              <a:gd name="connsiteY0" fmla="*/ 0 h 2456033"/>
              <a:gd name="connsiteX1" fmla="*/ 136026 w 317395"/>
              <a:gd name="connsiteY1" fmla="*/ 377852 h 2456033"/>
              <a:gd name="connsiteX2" fmla="*/ 68013 w 317395"/>
              <a:gd name="connsiteY2" fmla="*/ 680133 h 2456033"/>
              <a:gd name="connsiteX3" fmla="*/ 37785 w 317395"/>
              <a:gd name="connsiteY3" fmla="*/ 816159 h 2456033"/>
              <a:gd name="connsiteX4" fmla="*/ 22671 w 317395"/>
              <a:gd name="connsiteY4" fmla="*/ 952186 h 2456033"/>
              <a:gd name="connsiteX5" fmla="*/ 7557 w 317395"/>
              <a:gd name="connsiteY5" fmla="*/ 1027756 h 2456033"/>
              <a:gd name="connsiteX6" fmla="*/ 0 w 317395"/>
              <a:gd name="connsiteY6" fmla="*/ 1292252 h 2456033"/>
              <a:gd name="connsiteX7" fmla="*/ 15114 w 317395"/>
              <a:gd name="connsiteY7" fmla="*/ 1556748 h 2456033"/>
              <a:gd name="connsiteX8" fmla="*/ 60456 w 317395"/>
              <a:gd name="connsiteY8" fmla="*/ 1715445 h 2456033"/>
              <a:gd name="connsiteX9" fmla="*/ 98241 w 317395"/>
              <a:gd name="connsiteY9" fmla="*/ 1866586 h 2456033"/>
              <a:gd name="connsiteX10" fmla="*/ 143583 w 317395"/>
              <a:gd name="connsiteY10" fmla="*/ 2017726 h 2456033"/>
              <a:gd name="connsiteX11" fmla="*/ 204040 w 317395"/>
              <a:gd name="connsiteY11" fmla="*/ 2161309 h 2456033"/>
              <a:gd name="connsiteX12" fmla="*/ 211597 w 317395"/>
              <a:gd name="connsiteY12" fmla="*/ 2199095 h 2456033"/>
              <a:gd name="connsiteX13" fmla="*/ 234268 w 317395"/>
              <a:gd name="connsiteY13" fmla="*/ 2244437 h 2456033"/>
              <a:gd name="connsiteX14" fmla="*/ 256939 w 317395"/>
              <a:gd name="connsiteY14" fmla="*/ 2372906 h 2456033"/>
              <a:gd name="connsiteX15" fmla="*/ 294724 w 317395"/>
              <a:gd name="connsiteY15" fmla="*/ 2418248 h 2456033"/>
              <a:gd name="connsiteX16" fmla="*/ 317395 w 317395"/>
              <a:gd name="connsiteY16" fmla="*/ 2456033 h 24560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317395" h="2456033">
                <a:moveTo>
                  <a:pt x="234268" y="0"/>
                </a:moveTo>
                <a:cubicBezTo>
                  <a:pt x="184711" y="446020"/>
                  <a:pt x="257264" y="-24145"/>
                  <a:pt x="136026" y="377852"/>
                </a:cubicBezTo>
                <a:cubicBezTo>
                  <a:pt x="106205" y="476732"/>
                  <a:pt x="90601" y="579354"/>
                  <a:pt x="68013" y="680133"/>
                </a:cubicBezTo>
                <a:cubicBezTo>
                  <a:pt x="57854" y="725457"/>
                  <a:pt x="37785" y="816159"/>
                  <a:pt x="37785" y="816159"/>
                </a:cubicBezTo>
                <a:cubicBezTo>
                  <a:pt x="32747" y="861501"/>
                  <a:pt x="29123" y="907023"/>
                  <a:pt x="22671" y="952186"/>
                </a:cubicBezTo>
                <a:cubicBezTo>
                  <a:pt x="19038" y="977617"/>
                  <a:pt x="9266" y="1002124"/>
                  <a:pt x="7557" y="1027756"/>
                </a:cubicBezTo>
                <a:cubicBezTo>
                  <a:pt x="1690" y="1115762"/>
                  <a:pt x="2519" y="1204087"/>
                  <a:pt x="0" y="1292252"/>
                </a:cubicBezTo>
                <a:cubicBezTo>
                  <a:pt x="5038" y="1380417"/>
                  <a:pt x="7119" y="1468802"/>
                  <a:pt x="15114" y="1556748"/>
                </a:cubicBezTo>
                <a:cubicBezTo>
                  <a:pt x="19952" y="1609966"/>
                  <a:pt x="46466" y="1665702"/>
                  <a:pt x="60456" y="1715445"/>
                </a:cubicBezTo>
                <a:cubicBezTo>
                  <a:pt x="74516" y="1765436"/>
                  <a:pt x="85265" y="1816303"/>
                  <a:pt x="98241" y="1866586"/>
                </a:cubicBezTo>
                <a:cubicBezTo>
                  <a:pt x="109614" y="1910658"/>
                  <a:pt x="126462" y="1974145"/>
                  <a:pt x="143583" y="2017726"/>
                </a:cubicBezTo>
                <a:cubicBezTo>
                  <a:pt x="162572" y="2066060"/>
                  <a:pt x="204040" y="2161309"/>
                  <a:pt x="204040" y="2161309"/>
                </a:cubicBezTo>
                <a:cubicBezTo>
                  <a:pt x="206559" y="2173904"/>
                  <a:pt x="207207" y="2187024"/>
                  <a:pt x="211597" y="2199095"/>
                </a:cubicBezTo>
                <a:cubicBezTo>
                  <a:pt x="217372" y="2214976"/>
                  <a:pt x="230170" y="2228044"/>
                  <a:pt x="234268" y="2244437"/>
                </a:cubicBezTo>
                <a:cubicBezTo>
                  <a:pt x="246562" y="2293614"/>
                  <a:pt x="232760" y="2328003"/>
                  <a:pt x="256939" y="2372906"/>
                </a:cubicBezTo>
                <a:cubicBezTo>
                  <a:pt x="266266" y="2390228"/>
                  <a:pt x="282129" y="2403134"/>
                  <a:pt x="294724" y="2418248"/>
                </a:cubicBezTo>
                <a:cubicBezTo>
                  <a:pt x="303647" y="2453940"/>
                  <a:pt x="292991" y="2443831"/>
                  <a:pt x="317395" y="2456033"/>
                </a:cubicBezTo>
              </a:path>
            </a:pathLst>
          </a:custGeom>
          <a:noFill/>
          <a:ln w="28575">
            <a:headEnd type="triangle" w="med" len="med"/>
            <a:tailEnd type="non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3" name="フリーフォーム: 図形 92">
            <a:extLst>
              <a:ext uri="{FF2B5EF4-FFF2-40B4-BE49-F238E27FC236}">
                <a16:creationId xmlns:a16="http://schemas.microsoft.com/office/drawing/2014/main" id="{772C4B04-9EB0-E88F-3CED-1F781A563838}"/>
              </a:ext>
            </a:extLst>
          </p:cNvPr>
          <p:cNvSpPr/>
          <p:nvPr/>
        </p:nvSpPr>
        <p:spPr>
          <a:xfrm>
            <a:off x="4224377" y="4745812"/>
            <a:ext cx="159629" cy="755702"/>
          </a:xfrm>
          <a:custGeom>
            <a:avLst/>
            <a:gdLst>
              <a:gd name="connsiteX0" fmla="*/ 0 w 159629"/>
              <a:gd name="connsiteY0" fmla="*/ 755702 h 755702"/>
              <a:gd name="connsiteX1" fmla="*/ 22671 w 159629"/>
              <a:gd name="connsiteY1" fmla="*/ 680132 h 755702"/>
              <a:gd name="connsiteX2" fmla="*/ 105798 w 159629"/>
              <a:gd name="connsiteY2" fmla="*/ 445864 h 755702"/>
              <a:gd name="connsiteX3" fmla="*/ 120912 w 159629"/>
              <a:gd name="connsiteY3" fmla="*/ 332509 h 755702"/>
              <a:gd name="connsiteX4" fmla="*/ 136026 w 159629"/>
              <a:gd name="connsiteY4" fmla="*/ 279609 h 755702"/>
              <a:gd name="connsiteX5" fmla="*/ 143583 w 159629"/>
              <a:gd name="connsiteY5" fmla="*/ 219153 h 755702"/>
              <a:gd name="connsiteX6" fmla="*/ 151140 w 159629"/>
              <a:gd name="connsiteY6" fmla="*/ 181368 h 755702"/>
              <a:gd name="connsiteX7" fmla="*/ 158697 w 159629"/>
              <a:gd name="connsiteY7" fmla="*/ 151140 h 755702"/>
              <a:gd name="connsiteX8" fmla="*/ 158697 w 159629"/>
              <a:gd name="connsiteY8" fmla="*/ 0 h 7557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59629" h="755702">
                <a:moveTo>
                  <a:pt x="0" y="755702"/>
                </a:moveTo>
                <a:cubicBezTo>
                  <a:pt x="7557" y="730512"/>
                  <a:pt x="14173" y="705020"/>
                  <a:pt x="22671" y="680132"/>
                </a:cubicBezTo>
                <a:cubicBezTo>
                  <a:pt x="49447" y="601718"/>
                  <a:pt x="105798" y="445864"/>
                  <a:pt x="105798" y="445864"/>
                </a:cubicBezTo>
                <a:cubicBezTo>
                  <a:pt x="110836" y="408079"/>
                  <a:pt x="114093" y="370014"/>
                  <a:pt x="120912" y="332509"/>
                </a:cubicBezTo>
                <a:cubicBezTo>
                  <a:pt x="124193" y="314466"/>
                  <a:pt x="132429" y="297592"/>
                  <a:pt x="136026" y="279609"/>
                </a:cubicBezTo>
                <a:cubicBezTo>
                  <a:pt x="140009" y="259695"/>
                  <a:pt x="140495" y="239226"/>
                  <a:pt x="143583" y="219153"/>
                </a:cubicBezTo>
                <a:cubicBezTo>
                  <a:pt x="145536" y="206458"/>
                  <a:pt x="148354" y="193907"/>
                  <a:pt x="151140" y="181368"/>
                </a:cubicBezTo>
                <a:cubicBezTo>
                  <a:pt x="153393" y="171229"/>
                  <a:pt x="158265" y="161517"/>
                  <a:pt x="158697" y="151140"/>
                </a:cubicBezTo>
                <a:cubicBezTo>
                  <a:pt x="160794" y="100804"/>
                  <a:pt x="158697" y="50380"/>
                  <a:pt x="158697" y="0"/>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4" name="フリーフォーム: 図形 93">
            <a:extLst>
              <a:ext uri="{FF2B5EF4-FFF2-40B4-BE49-F238E27FC236}">
                <a16:creationId xmlns:a16="http://schemas.microsoft.com/office/drawing/2014/main" id="{97D0D216-B16F-420C-6BFF-07406D40D9C2}"/>
              </a:ext>
            </a:extLst>
          </p:cNvPr>
          <p:cNvSpPr/>
          <p:nvPr/>
        </p:nvSpPr>
        <p:spPr>
          <a:xfrm>
            <a:off x="4367960" y="1896813"/>
            <a:ext cx="1420721" cy="2085739"/>
          </a:xfrm>
          <a:custGeom>
            <a:avLst/>
            <a:gdLst>
              <a:gd name="connsiteX0" fmla="*/ 0 w 1420721"/>
              <a:gd name="connsiteY0" fmla="*/ 0 h 2085739"/>
              <a:gd name="connsiteX1" fmla="*/ 204040 w 1420721"/>
              <a:gd name="connsiteY1" fmla="*/ 113356 h 2085739"/>
              <a:gd name="connsiteX2" fmla="*/ 294724 w 1420721"/>
              <a:gd name="connsiteY2" fmla="*/ 181369 h 2085739"/>
              <a:gd name="connsiteX3" fmla="*/ 370295 w 1420721"/>
              <a:gd name="connsiteY3" fmla="*/ 249382 h 2085739"/>
              <a:gd name="connsiteX4" fmla="*/ 544106 w 1420721"/>
              <a:gd name="connsiteY4" fmla="*/ 423194 h 2085739"/>
              <a:gd name="connsiteX5" fmla="*/ 725475 w 1420721"/>
              <a:gd name="connsiteY5" fmla="*/ 597005 h 2085739"/>
              <a:gd name="connsiteX6" fmla="*/ 869058 w 1420721"/>
              <a:gd name="connsiteY6" fmla="*/ 801045 h 2085739"/>
              <a:gd name="connsiteX7" fmla="*/ 1005085 w 1420721"/>
              <a:gd name="connsiteY7" fmla="*/ 982413 h 2085739"/>
              <a:gd name="connsiteX8" fmla="*/ 1065541 w 1420721"/>
              <a:gd name="connsiteY8" fmla="*/ 1080655 h 2085739"/>
              <a:gd name="connsiteX9" fmla="*/ 1133554 w 1420721"/>
              <a:gd name="connsiteY9" fmla="*/ 1171339 h 2085739"/>
              <a:gd name="connsiteX10" fmla="*/ 1194010 w 1420721"/>
              <a:gd name="connsiteY10" fmla="*/ 1292251 h 2085739"/>
              <a:gd name="connsiteX11" fmla="*/ 1224238 w 1420721"/>
              <a:gd name="connsiteY11" fmla="*/ 1345151 h 2085739"/>
              <a:gd name="connsiteX12" fmla="*/ 1292252 w 1420721"/>
              <a:gd name="connsiteY12" fmla="*/ 1556747 h 2085739"/>
              <a:gd name="connsiteX13" fmla="*/ 1314923 w 1420721"/>
              <a:gd name="connsiteY13" fmla="*/ 1639875 h 2085739"/>
              <a:gd name="connsiteX14" fmla="*/ 1322480 w 1420721"/>
              <a:gd name="connsiteY14" fmla="*/ 1677660 h 2085739"/>
              <a:gd name="connsiteX15" fmla="*/ 1352708 w 1420721"/>
              <a:gd name="connsiteY15" fmla="*/ 1775901 h 2085739"/>
              <a:gd name="connsiteX16" fmla="*/ 1360265 w 1420721"/>
              <a:gd name="connsiteY16" fmla="*/ 1813686 h 2085739"/>
              <a:gd name="connsiteX17" fmla="*/ 1367822 w 1420721"/>
              <a:gd name="connsiteY17" fmla="*/ 1843914 h 2085739"/>
              <a:gd name="connsiteX18" fmla="*/ 1382936 w 1420721"/>
              <a:gd name="connsiteY18" fmla="*/ 1942156 h 2085739"/>
              <a:gd name="connsiteX19" fmla="*/ 1390493 w 1420721"/>
              <a:gd name="connsiteY19" fmla="*/ 1979941 h 2085739"/>
              <a:gd name="connsiteX20" fmla="*/ 1405607 w 1420721"/>
              <a:gd name="connsiteY20" fmla="*/ 2010169 h 2085739"/>
              <a:gd name="connsiteX21" fmla="*/ 1420721 w 1420721"/>
              <a:gd name="connsiteY21" fmla="*/ 2085739 h 20857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1420721" h="2085739">
                <a:moveTo>
                  <a:pt x="0" y="0"/>
                </a:moveTo>
                <a:cubicBezTo>
                  <a:pt x="79620" y="39809"/>
                  <a:pt x="115337" y="56128"/>
                  <a:pt x="204040" y="113356"/>
                </a:cubicBezTo>
                <a:cubicBezTo>
                  <a:pt x="235791" y="133840"/>
                  <a:pt x="265480" y="157442"/>
                  <a:pt x="294724" y="181369"/>
                </a:cubicBezTo>
                <a:cubicBezTo>
                  <a:pt x="320953" y="202829"/>
                  <a:pt x="345965" y="225790"/>
                  <a:pt x="370295" y="249382"/>
                </a:cubicBezTo>
                <a:cubicBezTo>
                  <a:pt x="429117" y="306421"/>
                  <a:pt x="480125" y="372009"/>
                  <a:pt x="544106" y="423194"/>
                </a:cubicBezTo>
                <a:cubicBezTo>
                  <a:pt x="609704" y="475673"/>
                  <a:pt x="675565" y="526081"/>
                  <a:pt x="725475" y="597005"/>
                </a:cubicBezTo>
                <a:cubicBezTo>
                  <a:pt x="773336" y="665018"/>
                  <a:pt x="820243" y="733713"/>
                  <a:pt x="869058" y="801045"/>
                </a:cubicBezTo>
                <a:cubicBezTo>
                  <a:pt x="892649" y="833584"/>
                  <a:pt x="980758" y="942882"/>
                  <a:pt x="1005085" y="982413"/>
                </a:cubicBezTo>
                <a:cubicBezTo>
                  <a:pt x="1025237" y="1015160"/>
                  <a:pt x="1043920" y="1048859"/>
                  <a:pt x="1065541" y="1080655"/>
                </a:cubicBezTo>
                <a:cubicBezTo>
                  <a:pt x="1086788" y="1111900"/>
                  <a:pt x="1113944" y="1139041"/>
                  <a:pt x="1133554" y="1171339"/>
                </a:cubicBezTo>
                <a:cubicBezTo>
                  <a:pt x="1156940" y="1209857"/>
                  <a:pt x="1173166" y="1252300"/>
                  <a:pt x="1194010" y="1292251"/>
                </a:cubicBezTo>
                <a:cubicBezTo>
                  <a:pt x="1203404" y="1310257"/>
                  <a:pt x="1215650" y="1326747"/>
                  <a:pt x="1224238" y="1345151"/>
                </a:cubicBezTo>
                <a:cubicBezTo>
                  <a:pt x="1247021" y="1393972"/>
                  <a:pt x="1285587" y="1533789"/>
                  <a:pt x="1292252" y="1556747"/>
                </a:cubicBezTo>
                <a:cubicBezTo>
                  <a:pt x="1300260" y="1584329"/>
                  <a:pt x="1309290" y="1611711"/>
                  <a:pt x="1314923" y="1639875"/>
                </a:cubicBezTo>
                <a:cubicBezTo>
                  <a:pt x="1317442" y="1652470"/>
                  <a:pt x="1319100" y="1665268"/>
                  <a:pt x="1322480" y="1677660"/>
                </a:cubicBezTo>
                <a:cubicBezTo>
                  <a:pt x="1359821" y="1814576"/>
                  <a:pt x="1314308" y="1622300"/>
                  <a:pt x="1352708" y="1775901"/>
                </a:cubicBezTo>
                <a:cubicBezTo>
                  <a:pt x="1355823" y="1788362"/>
                  <a:pt x="1357479" y="1801147"/>
                  <a:pt x="1360265" y="1813686"/>
                </a:cubicBezTo>
                <a:cubicBezTo>
                  <a:pt x="1362518" y="1823825"/>
                  <a:pt x="1365303" y="1833838"/>
                  <a:pt x="1367822" y="1843914"/>
                </a:cubicBezTo>
                <a:cubicBezTo>
                  <a:pt x="1379720" y="1950993"/>
                  <a:pt x="1368393" y="1876710"/>
                  <a:pt x="1382936" y="1942156"/>
                </a:cubicBezTo>
                <a:cubicBezTo>
                  <a:pt x="1385722" y="1954695"/>
                  <a:pt x="1386431" y="1967756"/>
                  <a:pt x="1390493" y="1979941"/>
                </a:cubicBezTo>
                <a:cubicBezTo>
                  <a:pt x="1394055" y="1990628"/>
                  <a:pt x="1400569" y="2000093"/>
                  <a:pt x="1405607" y="2010169"/>
                </a:cubicBezTo>
                <a:lnTo>
                  <a:pt x="1420721" y="2085739"/>
                </a:lnTo>
              </a:path>
            </a:pathLst>
          </a:custGeom>
          <a:noFill/>
          <a:ln w="28575">
            <a:headEnd type="triangle" w="med" len="med"/>
            <a:tailEnd type="non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5" name="フリーフォーム: 図形 94">
            <a:extLst>
              <a:ext uri="{FF2B5EF4-FFF2-40B4-BE49-F238E27FC236}">
                <a16:creationId xmlns:a16="http://schemas.microsoft.com/office/drawing/2014/main" id="{A07C1A4D-ACED-D90C-4A0A-20D8D31AE2C2}"/>
              </a:ext>
            </a:extLst>
          </p:cNvPr>
          <p:cNvSpPr/>
          <p:nvPr/>
        </p:nvSpPr>
        <p:spPr>
          <a:xfrm>
            <a:off x="6226988" y="1624760"/>
            <a:ext cx="1216681" cy="196483"/>
          </a:xfrm>
          <a:custGeom>
            <a:avLst/>
            <a:gdLst>
              <a:gd name="connsiteX0" fmla="*/ 0 w 1216681"/>
              <a:gd name="connsiteY0" fmla="*/ 196483 h 196483"/>
              <a:gd name="connsiteX1" fmla="*/ 45343 w 1216681"/>
              <a:gd name="connsiteY1" fmla="*/ 181369 h 196483"/>
              <a:gd name="connsiteX2" fmla="*/ 370295 w 1216681"/>
              <a:gd name="connsiteY2" fmla="*/ 52900 h 196483"/>
              <a:gd name="connsiteX3" fmla="*/ 566777 w 1216681"/>
              <a:gd name="connsiteY3" fmla="*/ 15114 h 196483"/>
              <a:gd name="connsiteX4" fmla="*/ 740589 w 1216681"/>
              <a:gd name="connsiteY4" fmla="*/ 0 h 196483"/>
              <a:gd name="connsiteX5" fmla="*/ 937072 w 1216681"/>
              <a:gd name="connsiteY5" fmla="*/ 7557 h 196483"/>
              <a:gd name="connsiteX6" fmla="*/ 997528 w 1216681"/>
              <a:gd name="connsiteY6" fmla="*/ 30228 h 196483"/>
              <a:gd name="connsiteX7" fmla="*/ 1020199 w 1216681"/>
              <a:gd name="connsiteY7" fmla="*/ 37785 h 196483"/>
              <a:gd name="connsiteX8" fmla="*/ 1110883 w 1216681"/>
              <a:gd name="connsiteY8" fmla="*/ 52900 h 196483"/>
              <a:gd name="connsiteX9" fmla="*/ 1216681 w 1216681"/>
              <a:gd name="connsiteY9" fmla="*/ 68014 h 19648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216681" h="196483">
                <a:moveTo>
                  <a:pt x="0" y="196483"/>
                </a:moveTo>
                <a:cubicBezTo>
                  <a:pt x="15114" y="191445"/>
                  <a:pt x="30489" y="187129"/>
                  <a:pt x="45343" y="181369"/>
                </a:cubicBezTo>
                <a:cubicBezTo>
                  <a:pt x="153940" y="139260"/>
                  <a:pt x="255405" y="72050"/>
                  <a:pt x="370295" y="52900"/>
                </a:cubicBezTo>
                <a:cubicBezTo>
                  <a:pt x="611963" y="12619"/>
                  <a:pt x="295189" y="66845"/>
                  <a:pt x="566777" y="15114"/>
                </a:cubicBezTo>
                <a:cubicBezTo>
                  <a:pt x="625095" y="4006"/>
                  <a:pt x="680249" y="3771"/>
                  <a:pt x="740589" y="0"/>
                </a:cubicBezTo>
                <a:cubicBezTo>
                  <a:pt x="806083" y="2519"/>
                  <a:pt x="871978" y="-101"/>
                  <a:pt x="937072" y="7557"/>
                </a:cubicBezTo>
                <a:cubicBezTo>
                  <a:pt x="958447" y="10072"/>
                  <a:pt x="977301" y="22873"/>
                  <a:pt x="997528" y="30228"/>
                </a:cubicBezTo>
                <a:cubicBezTo>
                  <a:pt x="1005014" y="32950"/>
                  <a:pt x="1012540" y="35597"/>
                  <a:pt x="1020199" y="37785"/>
                </a:cubicBezTo>
                <a:cubicBezTo>
                  <a:pt x="1063653" y="50200"/>
                  <a:pt x="1052785" y="44185"/>
                  <a:pt x="1110883" y="52900"/>
                </a:cubicBezTo>
                <a:cubicBezTo>
                  <a:pt x="1217160" y="68842"/>
                  <a:pt x="1169176" y="68014"/>
                  <a:pt x="1216681" y="68014"/>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7" name="フリーフォーム: 図形 96">
            <a:extLst>
              <a:ext uri="{FF2B5EF4-FFF2-40B4-BE49-F238E27FC236}">
                <a16:creationId xmlns:a16="http://schemas.microsoft.com/office/drawing/2014/main" id="{07A544D4-1917-A263-509C-3C2190F2EEE9}"/>
              </a:ext>
            </a:extLst>
          </p:cNvPr>
          <p:cNvSpPr/>
          <p:nvPr/>
        </p:nvSpPr>
        <p:spPr>
          <a:xfrm>
            <a:off x="5879365" y="1949712"/>
            <a:ext cx="1995055" cy="2047954"/>
          </a:xfrm>
          <a:custGeom>
            <a:avLst/>
            <a:gdLst>
              <a:gd name="connsiteX0" fmla="*/ 1836357 w 1995055"/>
              <a:gd name="connsiteY0" fmla="*/ 0 h 2047954"/>
              <a:gd name="connsiteX1" fmla="*/ 1881699 w 1995055"/>
              <a:gd name="connsiteY1" fmla="*/ 128470 h 2047954"/>
              <a:gd name="connsiteX2" fmla="*/ 1896814 w 1995055"/>
              <a:gd name="connsiteY2" fmla="*/ 204040 h 2047954"/>
              <a:gd name="connsiteX3" fmla="*/ 1911928 w 1995055"/>
              <a:gd name="connsiteY3" fmla="*/ 287167 h 2047954"/>
              <a:gd name="connsiteX4" fmla="*/ 1934599 w 1995055"/>
              <a:gd name="connsiteY4" fmla="*/ 370295 h 2047954"/>
              <a:gd name="connsiteX5" fmla="*/ 1972384 w 1995055"/>
              <a:gd name="connsiteY5" fmla="*/ 536549 h 2047954"/>
              <a:gd name="connsiteX6" fmla="*/ 1979941 w 1995055"/>
              <a:gd name="connsiteY6" fmla="*/ 627233 h 2047954"/>
              <a:gd name="connsiteX7" fmla="*/ 1995055 w 1995055"/>
              <a:gd name="connsiteY7" fmla="*/ 755703 h 2047954"/>
              <a:gd name="connsiteX8" fmla="*/ 1979941 w 1995055"/>
              <a:gd name="connsiteY8" fmla="*/ 1141111 h 2047954"/>
              <a:gd name="connsiteX9" fmla="*/ 1964827 w 1995055"/>
              <a:gd name="connsiteY9" fmla="*/ 1178896 h 2047954"/>
              <a:gd name="connsiteX10" fmla="*/ 1919485 w 1995055"/>
              <a:gd name="connsiteY10" fmla="*/ 1262024 h 2047954"/>
              <a:gd name="connsiteX11" fmla="*/ 1889256 w 1995055"/>
              <a:gd name="connsiteY11" fmla="*/ 1307366 h 2047954"/>
              <a:gd name="connsiteX12" fmla="*/ 1874142 w 1995055"/>
              <a:gd name="connsiteY12" fmla="*/ 1345151 h 2047954"/>
              <a:gd name="connsiteX13" fmla="*/ 1843914 w 1995055"/>
              <a:gd name="connsiteY13" fmla="*/ 1367822 h 2047954"/>
              <a:gd name="connsiteX14" fmla="*/ 1768344 w 1995055"/>
              <a:gd name="connsiteY14" fmla="*/ 1443392 h 2047954"/>
              <a:gd name="connsiteX15" fmla="*/ 1700331 w 1995055"/>
              <a:gd name="connsiteY15" fmla="*/ 1473620 h 2047954"/>
              <a:gd name="connsiteX16" fmla="*/ 1647432 w 1995055"/>
              <a:gd name="connsiteY16" fmla="*/ 1511405 h 2047954"/>
              <a:gd name="connsiteX17" fmla="*/ 1594533 w 1995055"/>
              <a:gd name="connsiteY17" fmla="*/ 1534076 h 2047954"/>
              <a:gd name="connsiteX18" fmla="*/ 1518962 w 1995055"/>
              <a:gd name="connsiteY18" fmla="*/ 1571862 h 2047954"/>
              <a:gd name="connsiteX19" fmla="*/ 1450949 w 1995055"/>
              <a:gd name="connsiteY19" fmla="*/ 1617204 h 2047954"/>
              <a:gd name="connsiteX20" fmla="*/ 1360265 w 1995055"/>
              <a:gd name="connsiteY20" fmla="*/ 1662546 h 2047954"/>
              <a:gd name="connsiteX21" fmla="*/ 1201567 w 1995055"/>
              <a:gd name="connsiteY21" fmla="*/ 1753230 h 2047954"/>
              <a:gd name="connsiteX22" fmla="*/ 1110883 w 1995055"/>
              <a:gd name="connsiteY22" fmla="*/ 1798572 h 2047954"/>
              <a:gd name="connsiteX23" fmla="*/ 1020199 w 1995055"/>
              <a:gd name="connsiteY23" fmla="*/ 1859028 h 2047954"/>
              <a:gd name="connsiteX24" fmla="*/ 989971 w 1995055"/>
              <a:gd name="connsiteY24" fmla="*/ 1874143 h 2047954"/>
              <a:gd name="connsiteX25" fmla="*/ 937071 w 1995055"/>
              <a:gd name="connsiteY25" fmla="*/ 1919485 h 2047954"/>
              <a:gd name="connsiteX26" fmla="*/ 861501 w 1995055"/>
              <a:gd name="connsiteY26" fmla="*/ 1964827 h 2047954"/>
              <a:gd name="connsiteX27" fmla="*/ 778374 w 1995055"/>
              <a:gd name="connsiteY27" fmla="*/ 2010169 h 2047954"/>
              <a:gd name="connsiteX28" fmla="*/ 733032 w 1995055"/>
              <a:gd name="connsiteY28" fmla="*/ 2032840 h 2047954"/>
              <a:gd name="connsiteX29" fmla="*/ 695247 w 1995055"/>
              <a:gd name="connsiteY29" fmla="*/ 2040397 h 2047954"/>
              <a:gd name="connsiteX30" fmla="*/ 498764 w 1995055"/>
              <a:gd name="connsiteY30" fmla="*/ 2025283 h 2047954"/>
              <a:gd name="connsiteX31" fmla="*/ 453422 w 1995055"/>
              <a:gd name="connsiteY31" fmla="*/ 2010169 h 2047954"/>
              <a:gd name="connsiteX32" fmla="*/ 317395 w 1995055"/>
              <a:gd name="connsiteY32" fmla="*/ 1972384 h 2047954"/>
              <a:gd name="connsiteX33" fmla="*/ 219154 w 1995055"/>
              <a:gd name="connsiteY33" fmla="*/ 1957270 h 2047954"/>
              <a:gd name="connsiteX34" fmla="*/ 128470 w 1995055"/>
              <a:gd name="connsiteY34" fmla="*/ 1987498 h 2047954"/>
              <a:gd name="connsiteX35" fmla="*/ 68014 w 1995055"/>
              <a:gd name="connsiteY35" fmla="*/ 2025283 h 2047954"/>
              <a:gd name="connsiteX36" fmla="*/ 52899 w 1995055"/>
              <a:gd name="connsiteY36" fmla="*/ 2040397 h 2047954"/>
              <a:gd name="connsiteX37" fmla="*/ 0 w 1995055"/>
              <a:gd name="connsiteY37" fmla="*/ 2047954 h 204795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1995055" h="2047954">
                <a:moveTo>
                  <a:pt x="1836357" y="0"/>
                </a:moveTo>
                <a:cubicBezTo>
                  <a:pt x="1851548" y="37978"/>
                  <a:pt x="1874795" y="93954"/>
                  <a:pt x="1881699" y="128470"/>
                </a:cubicBezTo>
                <a:cubicBezTo>
                  <a:pt x="1886737" y="153660"/>
                  <a:pt x="1892007" y="178805"/>
                  <a:pt x="1896814" y="204040"/>
                </a:cubicBezTo>
                <a:cubicBezTo>
                  <a:pt x="1902084" y="231706"/>
                  <a:pt x="1905686" y="259704"/>
                  <a:pt x="1911928" y="287167"/>
                </a:cubicBezTo>
                <a:cubicBezTo>
                  <a:pt x="1918293" y="315174"/>
                  <a:pt x="1928741" y="342177"/>
                  <a:pt x="1934599" y="370295"/>
                </a:cubicBezTo>
                <a:cubicBezTo>
                  <a:pt x="1971052" y="545272"/>
                  <a:pt x="1926465" y="398792"/>
                  <a:pt x="1972384" y="536549"/>
                </a:cubicBezTo>
                <a:cubicBezTo>
                  <a:pt x="1974903" y="566777"/>
                  <a:pt x="1976820" y="597061"/>
                  <a:pt x="1979941" y="627233"/>
                </a:cubicBezTo>
                <a:cubicBezTo>
                  <a:pt x="1984378" y="670123"/>
                  <a:pt x="1995055" y="712584"/>
                  <a:pt x="1995055" y="755703"/>
                </a:cubicBezTo>
                <a:cubicBezTo>
                  <a:pt x="1995055" y="884271"/>
                  <a:pt x="1989101" y="1012870"/>
                  <a:pt x="1979941" y="1141111"/>
                </a:cubicBezTo>
                <a:cubicBezTo>
                  <a:pt x="1978975" y="1154642"/>
                  <a:pt x="1969463" y="1166147"/>
                  <a:pt x="1964827" y="1178896"/>
                </a:cubicBezTo>
                <a:cubicBezTo>
                  <a:pt x="1932632" y="1267432"/>
                  <a:pt x="1971794" y="1183559"/>
                  <a:pt x="1919485" y="1262024"/>
                </a:cubicBezTo>
                <a:cubicBezTo>
                  <a:pt x="1882888" y="1316920"/>
                  <a:pt x="1923909" y="1272715"/>
                  <a:pt x="1889256" y="1307366"/>
                </a:cubicBezTo>
                <a:cubicBezTo>
                  <a:pt x="1884218" y="1319961"/>
                  <a:pt x="1882281" y="1334299"/>
                  <a:pt x="1874142" y="1345151"/>
                </a:cubicBezTo>
                <a:cubicBezTo>
                  <a:pt x="1866585" y="1355227"/>
                  <a:pt x="1853144" y="1359252"/>
                  <a:pt x="1843914" y="1367822"/>
                </a:cubicBezTo>
                <a:cubicBezTo>
                  <a:pt x="1817809" y="1392062"/>
                  <a:pt x="1800898" y="1428924"/>
                  <a:pt x="1768344" y="1443392"/>
                </a:cubicBezTo>
                <a:cubicBezTo>
                  <a:pt x="1745673" y="1453468"/>
                  <a:pt x="1721954" y="1461457"/>
                  <a:pt x="1700331" y="1473620"/>
                </a:cubicBezTo>
                <a:cubicBezTo>
                  <a:pt x="1681445" y="1484244"/>
                  <a:pt x="1666246" y="1500654"/>
                  <a:pt x="1647432" y="1511405"/>
                </a:cubicBezTo>
                <a:cubicBezTo>
                  <a:pt x="1630776" y="1520923"/>
                  <a:pt x="1611891" y="1525907"/>
                  <a:pt x="1594533" y="1534076"/>
                </a:cubicBezTo>
                <a:cubicBezTo>
                  <a:pt x="1569050" y="1546068"/>
                  <a:pt x="1543336" y="1557751"/>
                  <a:pt x="1518962" y="1571862"/>
                </a:cubicBezTo>
                <a:cubicBezTo>
                  <a:pt x="1495382" y="1585514"/>
                  <a:pt x="1474606" y="1603686"/>
                  <a:pt x="1450949" y="1617204"/>
                </a:cubicBezTo>
                <a:cubicBezTo>
                  <a:pt x="1421606" y="1633971"/>
                  <a:pt x="1389934" y="1646363"/>
                  <a:pt x="1360265" y="1662546"/>
                </a:cubicBezTo>
                <a:cubicBezTo>
                  <a:pt x="1306778" y="1691721"/>
                  <a:pt x="1256062" y="1725983"/>
                  <a:pt x="1201567" y="1753230"/>
                </a:cubicBezTo>
                <a:cubicBezTo>
                  <a:pt x="1171339" y="1768344"/>
                  <a:pt x="1140496" y="1782285"/>
                  <a:pt x="1110883" y="1798572"/>
                </a:cubicBezTo>
                <a:cubicBezTo>
                  <a:pt x="956081" y="1883713"/>
                  <a:pt x="1113781" y="1800538"/>
                  <a:pt x="1020199" y="1859028"/>
                </a:cubicBezTo>
                <a:cubicBezTo>
                  <a:pt x="1010646" y="1864999"/>
                  <a:pt x="999082" y="1867517"/>
                  <a:pt x="989971" y="1874143"/>
                </a:cubicBezTo>
                <a:cubicBezTo>
                  <a:pt x="971189" y="1887803"/>
                  <a:pt x="956045" y="1906092"/>
                  <a:pt x="937071" y="1919485"/>
                </a:cubicBezTo>
                <a:cubicBezTo>
                  <a:pt x="913071" y="1936426"/>
                  <a:pt x="887007" y="1950252"/>
                  <a:pt x="861501" y="1964827"/>
                </a:cubicBezTo>
                <a:cubicBezTo>
                  <a:pt x="834097" y="1980487"/>
                  <a:pt x="806269" y="1995401"/>
                  <a:pt x="778374" y="2010169"/>
                </a:cubicBezTo>
                <a:cubicBezTo>
                  <a:pt x="763440" y="2018075"/>
                  <a:pt x="749602" y="2029526"/>
                  <a:pt x="733032" y="2032840"/>
                </a:cubicBezTo>
                <a:lnTo>
                  <a:pt x="695247" y="2040397"/>
                </a:lnTo>
                <a:cubicBezTo>
                  <a:pt x="629753" y="2035359"/>
                  <a:pt x="563945" y="2033431"/>
                  <a:pt x="498764" y="2025283"/>
                </a:cubicBezTo>
                <a:cubicBezTo>
                  <a:pt x="482955" y="2023307"/>
                  <a:pt x="468716" y="2014630"/>
                  <a:pt x="453422" y="2010169"/>
                </a:cubicBezTo>
                <a:cubicBezTo>
                  <a:pt x="408245" y="1996993"/>
                  <a:pt x="363298" y="1982749"/>
                  <a:pt x="317395" y="1972384"/>
                </a:cubicBezTo>
                <a:cubicBezTo>
                  <a:pt x="285076" y="1965086"/>
                  <a:pt x="251901" y="1962308"/>
                  <a:pt x="219154" y="1957270"/>
                </a:cubicBezTo>
                <a:cubicBezTo>
                  <a:pt x="188926" y="1967346"/>
                  <a:pt x="157527" y="1974423"/>
                  <a:pt x="128470" y="1987498"/>
                </a:cubicBezTo>
                <a:cubicBezTo>
                  <a:pt x="106799" y="1997250"/>
                  <a:pt x="87482" y="2011655"/>
                  <a:pt x="68014" y="2025283"/>
                </a:cubicBezTo>
                <a:cubicBezTo>
                  <a:pt x="62177" y="2029369"/>
                  <a:pt x="59658" y="2038144"/>
                  <a:pt x="52899" y="2040397"/>
                </a:cubicBezTo>
                <a:cubicBezTo>
                  <a:pt x="36001" y="2046030"/>
                  <a:pt x="0" y="2047954"/>
                  <a:pt x="0" y="2047954"/>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8" name="フリーフォーム: 図形 97">
            <a:extLst>
              <a:ext uri="{FF2B5EF4-FFF2-40B4-BE49-F238E27FC236}">
                <a16:creationId xmlns:a16="http://schemas.microsoft.com/office/drawing/2014/main" id="{1C848D1A-6650-D38F-5C66-E02742C5C462}"/>
              </a:ext>
            </a:extLst>
          </p:cNvPr>
          <p:cNvSpPr/>
          <p:nvPr/>
        </p:nvSpPr>
        <p:spPr>
          <a:xfrm>
            <a:off x="6762800" y="1896810"/>
            <a:ext cx="673312" cy="3143726"/>
          </a:xfrm>
          <a:custGeom>
            <a:avLst/>
            <a:gdLst>
              <a:gd name="connsiteX0" fmla="*/ 257676 w 673312"/>
              <a:gd name="connsiteY0" fmla="*/ 3143726 h 3143726"/>
              <a:gd name="connsiteX1" fmla="*/ 280347 w 673312"/>
              <a:gd name="connsiteY1" fmla="*/ 3105940 h 3143726"/>
              <a:gd name="connsiteX2" fmla="*/ 355917 w 673312"/>
              <a:gd name="connsiteY2" fmla="*/ 3007699 h 3143726"/>
              <a:gd name="connsiteX3" fmla="*/ 408817 w 673312"/>
              <a:gd name="connsiteY3" fmla="*/ 2901901 h 3143726"/>
              <a:gd name="connsiteX4" fmla="*/ 446602 w 673312"/>
              <a:gd name="connsiteY4" fmla="*/ 2833888 h 3143726"/>
              <a:gd name="connsiteX5" fmla="*/ 491944 w 673312"/>
              <a:gd name="connsiteY5" fmla="*/ 2743203 h 3143726"/>
              <a:gd name="connsiteX6" fmla="*/ 529729 w 673312"/>
              <a:gd name="connsiteY6" fmla="*/ 2576949 h 3143726"/>
              <a:gd name="connsiteX7" fmla="*/ 514615 w 673312"/>
              <a:gd name="connsiteY7" fmla="*/ 2342681 h 3143726"/>
              <a:gd name="connsiteX8" fmla="*/ 484387 w 673312"/>
              <a:gd name="connsiteY8" fmla="*/ 2244440 h 3143726"/>
              <a:gd name="connsiteX9" fmla="*/ 461716 w 673312"/>
              <a:gd name="connsiteY9" fmla="*/ 2168869 h 3143726"/>
              <a:gd name="connsiteX10" fmla="*/ 439045 w 673312"/>
              <a:gd name="connsiteY10" fmla="*/ 2138641 h 3143726"/>
              <a:gd name="connsiteX11" fmla="*/ 386145 w 673312"/>
              <a:gd name="connsiteY11" fmla="*/ 2017729 h 3143726"/>
              <a:gd name="connsiteX12" fmla="*/ 355917 w 673312"/>
              <a:gd name="connsiteY12" fmla="*/ 1949716 h 3143726"/>
              <a:gd name="connsiteX13" fmla="*/ 333246 w 673312"/>
              <a:gd name="connsiteY13" fmla="*/ 1896816 h 3143726"/>
              <a:gd name="connsiteX14" fmla="*/ 295461 w 673312"/>
              <a:gd name="connsiteY14" fmla="*/ 1806132 h 3143726"/>
              <a:gd name="connsiteX15" fmla="*/ 287904 w 673312"/>
              <a:gd name="connsiteY15" fmla="*/ 1760790 h 3143726"/>
              <a:gd name="connsiteX16" fmla="*/ 272790 w 673312"/>
              <a:gd name="connsiteY16" fmla="*/ 1738119 h 3143726"/>
              <a:gd name="connsiteX17" fmla="*/ 295461 w 673312"/>
              <a:gd name="connsiteY17" fmla="*/ 1443395 h 3143726"/>
              <a:gd name="connsiteX18" fmla="*/ 287904 w 673312"/>
              <a:gd name="connsiteY18" fmla="*/ 1186456 h 3143726"/>
              <a:gd name="connsiteX19" fmla="*/ 250119 w 673312"/>
              <a:gd name="connsiteY19" fmla="*/ 1088215 h 3143726"/>
              <a:gd name="connsiteX20" fmla="*/ 204777 w 673312"/>
              <a:gd name="connsiteY20" fmla="*/ 989973 h 3143726"/>
              <a:gd name="connsiteX21" fmla="*/ 182106 w 673312"/>
              <a:gd name="connsiteY21" fmla="*/ 929517 h 3143726"/>
              <a:gd name="connsiteX22" fmla="*/ 159435 w 673312"/>
              <a:gd name="connsiteY22" fmla="*/ 899289 h 3143726"/>
              <a:gd name="connsiteX23" fmla="*/ 144321 w 673312"/>
              <a:gd name="connsiteY23" fmla="*/ 869061 h 3143726"/>
              <a:gd name="connsiteX24" fmla="*/ 136764 w 673312"/>
              <a:gd name="connsiteY24" fmla="*/ 831276 h 3143726"/>
              <a:gd name="connsiteX25" fmla="*/ 106536 w 673312"/>
              <a:gd name="connsiteY25" fmla="*/ 778377 h 3143726"/>
              <a:gd name="connsiteX26" fmla="*/ 91421 w 673312"/>
              <a:gd name="connsiteY26" fmla="*/ 740592 h 3143726"/>
              <a:gd name="connsiteX27" fmla="*/ 76307 w 673312"/>
              <a:gd name="connsiteY27" fmla="*/ 717921 h 3143726"/>
              <a:gd name="connsiteX28" fmla="*/ 53636 w 673312"/>
              <a:gd name="connsiteY28" fmla="*/ 657464 h 3143726"/>
              <a:gd name="connsiteX29" fmla="*/ 38522 w 673312"/>
              <a:gd name="connsiteY29" fmla="*/ 619679 h 3143726"/>
              <a:gd name="connsiteX30" fmla="*/ 23408 w 673312"/>
              <a:gd name="connsiteY30" fmla="*/ 559223 h 3143726"/>
              <a:gd name="connsiteX31" fmla="*/ 8294 w 673312"/>
              <a:gd name="connsiteY31" fmla="*/ 506324 h 3143726"/>
              <a:gd name="connsiteX32" fmla="*/ 23408 w 673312"/>
              <a:gd name="connsiteY32" fmla="*/ 272056 h 3143726"/>
              <a:gd name="connsiteX33" fmla="*/ 46079 w 673312"/>
              <a:gd name="connsiteY33" fmla="*/ 234271 h 3143726"/>
              <a:gd name="connsiteX34" fmla="*/ 136764 w 673312"/>
              <a:gd name="connsiteY34" fmla="*/ 136030 h 3143726"/>
              <a:gd name="connsiteX35" fmla="*/ 189663 w 673312"/>
              <a:gd name="connsiteY35" fmla="*/ 105802 h 3143726"/>
              <a:gd name="connsiteX36" fmla="*/ 235005 w 673312"/>
              <a:gd name="connsiteY36" fmla="*/ 75573 h 3143726"/>
              <a:gd name="connsiteX37" fmla="*/ 265233 w 673312"/>
              <a:gd name="connsiteY37" fmla="*/ 60459 h 3143726"/>
              <a:gd name="connsiteX38" fmla="*/ 340803 w 673312"/>
              <a:gd name="connsiteY38" fmla="*/ 22674 h 3143726"/>
              <a:gd name="connsiteX39" fmla="*/ 408817 w 673312"/>
              <a:gd name="connsiteY39" fmla="*/ 7560 h 3143726"/>
              <a:gd name="connsiteX40" fmla="*/ 673312 w 673312"/>
              <a:gd name="connsiteY40" fmla="*/ 3 h 314372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Lst>
            <a:rect l="l" t="t" r="r" b="b"/>
            <a:pathLst>
              <a:path w="673312" h="3143726">
                <a:moveTo>
                  <a:pt x="257676" y="3143726"/>
                </a:moveTo>
                <a:cubicBezTo>
                  <a:pt x="265233" y="3131131"/>
                  <a:pt x="271747" y="3117848"/>
                  <a:pt x="280347" y="3105940"/>
                </a:cubicBezTo>
                <a:cubicBezTo>
                  <a:pt x="304536" y="3072447"/>
                  <a:pt x="333904" y="3042661"/>
                  <a:pt x="355917" y="3007699"/>
                </a:cubicBezTo>
                <a:cubicBezTo>
                  <a:pt x="376925" y="2974333"/>
                  <a:pt x="386946" y="2934708"/>
                  <a:pt x="408817" y="2901901"/>
                </a:cubicBezTo>
                <a:cubicBezTo>
                  <a:pt x="442881" y="2850805"/>
                  <a:pt x="402051" y="2914080"/>
                  <a:pt x="446602" y="2833888"/>
                </a:cubicBezTo>
                <a:cubicBezTo>
                  <a:pt x="476539" y="2780000"/>
                  <a:pt x="455127" y="2848396"/>
                  <a:pt x="491944" y="2743203"/>
                </a:cubicBezTo>
                <a:cubicBezTo>
                  <a:pt x="512811" y="2683583"/>
                  <a:pt x="518512" y="2638640"/>
                  <a:pt x="529729" y="2576949"/>
                </a:cubicBezTo>
                <a:cubicBezTo>
                  <a:pt x="524691" y="2498860"/>
                  <a:pt x="522807" y="2420503"/>
                  <a:pt x="514615" y="2342681"/>
                </a:cubicBezTo>
                <a:cubicBezTo>
                  <a:pt x="512421" y="2321835"/>
                  <a:pt x="490274" y="2266026"/>
                  <a:pt x="484387" y="2244440"/>
                </a:cubicBezTo>
                <a:cubicBezTo>
                  <a:pt x="473932" y="2206104"/>
                  <a:pt x="481852" y="2205113"/>
                  <a:pt x="461716" y="2168869"/>
                </a:cubicBezTo>
                <a:cubicBezTo>
                  <a:pt x="455599" y="2157859"/>
                  <a:pt x="444678" y="2149906"/>
                  <a:pt x="439045" y="2138641"/>
                </a:cubicBezTo>
                <a:cubicBezTo>
                  <a:pt x="419371" y="2099293"/>
                  <a:pt x="403863" y="2057996"/>
                  <a:pt x="386145" y="2017729"/>
                </a:cubicBezTo>
                <a:cubicBezTo>
                  <a:pt x="376153" y="1995021"/>
                  <a:pt x="365861" y="1972445"/>
                  <a:pt x="355917" y="1949716"/>
                </a:cubicBezTo>
                <a:cubicBezTo>
                  <a:pt x="348228" y="1932140"/>
                  <a:pt x="337899" y="1915428"/>
                  <a:pt x="333246" y="1896816"/>
                </a:cubicBezTo>
                <a:cubicBezTo>
                  <a:pt x="320225" y="1844730"/>
                  <a:pt x="330334" y="1875878"/>
                  <a:pt x="295461" y="1806132"/>
                </a:cubicBezTo>
                <a:cubicBezTo>
                  <a:pt x="292942" y="1791018"/>
                  <a:pt x="292749" y="1775326"/>
                  <a:pt x="287904" y="1760790"/>
                </a:cubicBezTo>
                <a:cubicBezTo>
                  <a:pt x="285032" y="1752174"/>
                  <a:pt x="272790" y="1747201"/>
                  <a:pt x="272790" y="1738119"/>
                </a:cubicBezTo>
                <a:cubicBezTo>
                  <a:pt x="272790" y="1592092"/>
                  <a:pt x="280060" y="1551200"/>
                  <a:pt x="295461" y="1443395"/>
                </a:cubicBezTo>
                <a:cubicBezTo>
                  <a:pt x="292942" y="1357749"/>
                  <a:pt x="298754" y="1271450"/>
                  <a:pt x="287904" y="1186456"/>
                </a:cubicBezTo>
                <a:cubicBezTo>
                  <a:pt x="283461" y="1151653"/>
                  <a:pt x="263790" y="1120528"/>
                  <a:pt x="250119" y="1088215"/>
                </a:cubicBezTo>
                <a:cubicBezTo>
                  <a:pt x="236066" y="1054999"/>
                  <a:pt x="218984" y="1023124"/>
                  <a:pt x="204777" y="989973"/>
                </a:cubicBezTo>
                <a:cubicBezTo>
                  <a:pt x="196299" y="970191"/>
                  <a:pt x="191731" y="948767"/>
                  <a:pt x="182106" y="929517"/>
                </a:cubicBezTo>
                <a:cubicBezTo>
                  <a:pt x="176473" y="918252"/>
                  <a:pt x="166110" y="909970"/>
                  <a:pt x="159435" y="899289"/>
                </a:cubicBezTo>
                <a:cubicBezTo>
                  <a:pt x="153464" y="889736"/>
                  <a:pt x="149359" y="879137"/>
                  <a:pt x="144321" y="869061"/>
                </a:cubicBezTo>
                <a:cubicBezTo>
                  <a:pt x="141802" y="856466"/>
                  <a:pt x="141704" y="843132"/>
                  <a:pt x="136764" y="831276"/>
                </a:cubicBezTo>
                <a:cubicBezTo>
                  <a:pt x="128953" y="812529"/>
                  <a:pt x="115619" y="796542"/>
                  <a:pt x="106536" y="778377"/>
                </a:cubicBezTo>
                <a:cubicBezTo>
                  <a:pt x="100469" y="766244"/>
                  <a:pt x="97488" y="752725"/>
                  <a:pt x="91421" y="740592"/>
                </a:cubicBezTo>
                <a:cubicBezTo>
                  <a:pt x="87359" y="732469"/>
                  <a:pt x="80369" y="726045"/>
                  <a:pt x="76307" y="717921"/>
                </a:cubicBezTo>
                <a:cubicBezTo>
                  <a:pt x="61703" y="688712"/>
                  <a:pt x="63446" y="683625"/>
                  <a:pt x="53636" y="657464"/>
                </a:cubicBezTo>
                <a:cubicBezTo>
                  <a:pt x="48873" y="644762"/>
                  <a:pt x="42511" y="632644"/>
                  <a:pt x="38522" y="619679"/>
                </a:cubicBezTo>
                <a:cubicBezTo>
                  <a:pt x="32413" y="599825"/>
                  <a:pt x="28760" y="579294"/>
                  <a:pt x="23408" y="559223"/>
                </a:cubicBezTo>
                <a:cubicBezTo>
                  <a:pt x="18683" y="541504"/>
                  <a:pt x="13332" y="523957"/>
                  <a:pt x="8294" y="506324"/>
                </a:cubicBezTo>
                <a:cubicBezTo>
                  <a:pt x="-2266" y="400721"/>
                  <a:pt x="-7727" y="406976"/>
                  <a:pt x="23408" y="272056"/>
                </a:cubicBezTo>
                <a:cubicBezTo>
                  <a:pt x="26711" y="257744"/>
                  <a:pt x="37542" y="246223"/>
                  <a:pt x="46079" y="234271"/>
                </a:cubicBezTo>
                <a:cubicBezTo>
                  <a:pt x="79599" y="187344"/>
                  <a:pt x="92996" y="165208"/>
                  <a:pt x="136764" y="136030"/>
                </a:cubicBezTo>
                <a:cubicBezTo>
                  <a:pt x="153662" y="124765"/>
                  <a:pt x="172367" y="116446"/>
                  <a:pt x="189663" y="105802"/>
                </a:cubicBezTo>
                <a:cubicBezTo>
                  <a:pt x="205133" y="96282"/>
                  <a:pt x="219429" y="84919"/>
                  <a:pt x="235005" y="75573"/>
                </a:cubicBezTo>
                <a:cubicBezTo>
                  <a:pt x="244665" y="69777"/>
                  <a:pt x="255452" y="66048"/>
                  <a:pt x="265233" y="60459"/>
                </a:cubicBezTo>
                <a:cubicBezTo>
                  <a:pt x="312512" y="33443"/>
                  <a:pt x="261295" y="51586"/>
                  <a:pt x="340803" y="22674"/>
                </a:cubicBezTo>
                <a:cubicBezTo>
                  <a:pt x="349586" y="19480"/>
                  <a:pt x="402779" y="7905"/>
                  <a:pt x="408817" y="7560"/>
                </a:cubicBezTo>
                <a:cubicBezTo>
                  <a:pt x="548408" y="-417"/>
                  <a:pt x="576524" y="3"/>
                  <a:pt x="673312" y="3"/>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9" name="フリーフォーム: 図形 98">
            <a:extLst>
              <a:ext uri="{FF2B5EF4-FFF2-40B4-BE49-F238E27FC236}">
                <a16:creationId xmlns:a16="http://schemas.microsoft.com/office/drawing/2014/main" id="{16CAA5F7-037C-53A2-15A7-CC0804DF4EC0}"/>
              </a:ext>
            </a:extLst>
          </p:cNvPr>
          <p:cNvSpPr/>
          <p:nvPr/>
        </p:nvSpPr>
        <p:spPr>
          <a:xfrm>
            <a:off x="4405745" y="5599755"/>
            <a:ext cx="763260" cy="98242"/>
          </a:xfrm>
          <a:custGeom>
            <a:avLst/>
            <a:gdLst>
              <a:gd name="connsiteX0" fmla="*/ 763260 w 763260"/>
              <a:gd name="connsiteY0" fmla="*/ 0 h 98242"/>
              <a:gd name="connsiteX1" fmla="*/ 460979 w 763260"/>
              <a:gd name="connsiteY1" fmla="*/ 45343 h 98242"/>
              <a:gd name="connsiteX2" fmla="*/ 317395 w 763260"/>
              <a:gd name="connsiteY2" fmla="*/ 60457 h 98242"/>
              <a:gd name="connsiteX3" fmla="*/ 219154 w 763260"/>
              <a:gd name="connsiteY3" fmla="*/ 68014 h 98242"/>
              <a:gd name="connsiteX4" fmla="*/ 143584 w 763260"/>
              <a:gd name="connsiteY4" fmla="*/ 75571 h 98242"/>
              <a:gd name="connsiteX5" fmla="*/ 37786 w 763260"/>
              <a:gd name="connsiteY5" fmla="*/ 90685 h 98242"/>
              <a:gd name="connsiteX6" fmla="*/ 0 w 763260"/>
              <a:gd name="connsiteY6" fmla="*/ 98242 h 982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763260" h="98242">
                <a:moveTo>
                  <a:pt x="763260" y="0"/>
                </a:moveTo>
                <a:cubicBezTo>
                  <a:pt x="502187" y="15357"/>
                  <a:pt x="778182" y="-7525"/>
                  <a:pt x="460979" y="45343"/>
                </a:cubicBezTo>
                <a:cubicBezTo>
                  <a:pt x="413508" y="53255"/>
                  <a:pt x="365311" y="55965"/>
                  <a:pt x="317395" y="60457"/>
                </a:cubicBezTo>
                <a:cubicBezTo>
                  <a:pt x="284695" y="63523"/>
                  <a:pt x="251874" y="65169"/>
                  <a:pt x="219154" y="68014"/>
                </a:cubicBezTo>
                <a:cubicBezTo>
                  <a:pt x="193934" y="70207"/>
                  <a:pt x="168774" y="73052"/>
                  <a:pt x="143584" y="75571"/>
                </a:cubicBezTo>
                <a:cubicBezTo>
                  <a:pt x="90252" y="93348"/>
                  <a:pt x="143746" y="77440"/>
                  <a:pt x="37786" y="90685"/>
                </a:cubicBezTo>
                <a:cubicBezTo>
                  <a:pt x="25040" y="92278"/>
                  <a:pt x="12595" y="95723"/>
                  <a:pt x="0" y="98242"/>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0" name="フリーフォーム: 図形 99">
            <a:extLst>
              <a:ext uri="{FF2B5EF4-FFF2-40B4-BE49-F238E27FC236}">
                <a16:creationId xmlns:a16="http://schemas.microsoft.com/office/drawing/2014/main" id="{CF1C8282-F5B4-A476-C4C7-95F2B3C25F86}"/>
              </a:ext>
            </a:extLst>
          </p:cNvPr>
          <p:cNvSpPr/>
          <p:nvPr/>
        </p:nvSpPr>
        <p:spPr>
          <a:xfrm>
            <a:off x="6030506" y="3377990"/>
            <a:ext cx="1473620" cy="2357792"/>
          </a:xfrm>
          <a:custGeom>
            <a:avLst/>
            <a:gdLst>
              <a:gd name="connsiteX0" fmla="*/ 385408 w 1473620"/>
              <a:gd name="connsiteY0" fmla="*/ 0 h 2357792"/>
              <a:gd name="connsiteX1" fmla="*/ 400522 w 1473620"/>
              <a:gd name="connsiteY1" fmla="*/ 136027 h 2357792"/>
              <a:gd name="connsiteX2" fmla="*/ 415636 w 1473620"/>
              <a:gd name="connsiteY2" fmla="*/ 272053 h 2357792"/>
              <a:gd name="connsiteX3" fmla="*/ 408079 w 1473620"/>
              <a:gd name="connsiteY3" fmla="*/ 914400 h 2357792"/>
              <a:gd name="connsiteX4" fmla="*/ 392965 w 1473620"/>
              <a:gd name="connsiteY4" fmla="*/ 1042870 h 2357792"/>
              <a:gd name="connsiteX5" fmla="*/ 355180 w 1473620"/>
              <a:gd name="connsiteY5" fmla="*/ 1178896 h 2357792"/>
              <a:gd name="connsiteX6" fmla="*/ 279610 w 1473620"/>
              <a:gd name="connsiteY6" fmla="*/ 1473620 h 2357792"/>
              <a:gd name="connsiteX7" fmla="*/ 226711 w 1473620"/>
              <a:gd name="connsiteY7" fmla="*/ 1586975 h 2357792"/>
              <a:gd name="connsiteX8" fmla="*/ 173811 w 1473620"/>
              <a:gd name="connsiteY8" fmla="*/ 1692774 h 2357792"/>
              <a:gd name="connsiteX9" fmla="*/ 83127 w 1473620"/>
              <a:gd name="connsiteY9" fmla="*/ 1836357 h 2357792"/>
              <a:gd name="connsiteX10" fmla="*/ 45342 w 1473620"/>
              <a:gd name="connsiteY10" fmla="*/ 1896813 h 2357792"/>
              <a:gd name="connsiteX11" fmla="*/ 22671 w 1473620"/>
              <a:gd name="connsiteY11" fmla="*/ 1972384 h 2357792"/>
              <a:gd name="connsiteX12" fmla="*/ 0 w 1473620"/>
              <a:gd name="connsiteY12" fmla="*/ 2032840 h 2357792"/>
              <a:gd name="connsiteX13" fmla="*/ 30228 w 1473620"/>
              <a:gd name="connsiteY13" fmla="*/ 2161309 h 2357792"/>
              <a:gd name="connsiteX14" fmla="*/ 52899 w 1473620"/>
              <a:gd name="connsiteY14" fmla="*/ 2191537 h 2357792"/>
              <a:gd name="connsiteX15" fmla="*/ 136026 w 1473620"/>
              <a:gd name="connsiteY15" fmla="*/ 2259550 h 2357792"/>
              <a:gd name="connsiteX16" fmla="*/ 302281 w 1473620"/>
              <a:gd name="connsiteY16" fmla="*/ 2327564 h 2357792"/>
              <a:gd name="connsiteX17" fmla="*/ 370294 w 1473620"/>
              <a:gd name="connsiteY17" fmla="*/ 2335121 h 2357792"/>
              <a:gd name="connsiteX18" fmla="*/ 430750 w 1473620"/>
              <a:gd name="connsiteY18" fmla="*/ 2350235 h 2357792"/>
              <a:gd name="connsiteX19" fmla="*/ 914400 w 1473620"/>
              <a:gd name="connsiteY19" fmla="*/ 2327564 h 2357792"/>
              <a:gd name="connsiteX20" fmla="*/ 1428277 w 1473620"/>
              <a:gd name="connsiteY20" fmla="*/ 2342678 h 2357792"/>
              <a:gd name="connsiteX21" fmla="*/ 1473620 w 1473620"/>
              <a:gd name="connsiteY21" fmla="*/ 2357792 h 23577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1473620" h="2357792">
                <a:moveTo>
                  <a:pt x="385408" y="0"/>
                </a:moveTo>
                <a:cubicBezTo>
                  <a:pt x="390446" y="45342"/>
                  <a:pt x="395983" y="90632"/>
                  <a:pt x="400522" y="136027"/>
                </a:cubicBezTo>
                <a:cubicBezTo>
                  <a:pt x="413766" y="268468"/>
                  <a:pt x="400862" y="183411"/>
                  <a:pt x="415636" y="272053"/>
                </a:cubicBezTo>
                <a:cubicBezTo>
                  <a:pt x="431724" y="561642"/>
                  <a:pt x="427652" y="418555"/>
                  <a:pt x="408079" y="914400"/>
                </a:cubicBezTo>
                <a:cubicBezTo>
                  <a:pt x="407802" y="921414"/>
                  <a:pt x="394873" y="1032060"/>
                  <a:pt x="392965" y="1042870"/>
                </a:cubicBezTo>
                <a:cubicBezTo>
                  <a:pt x="364948" y="1201634"/>
                  <a:pt x="393138" y="1019474"/>
                  <a:pt x="355180" y="1178896"/>
                </a:cubicBezTo>
                <a:cubicBezTo>
                  <a:pt x="315432" y="1345836"/>
                  <a:pt x="378799" y="1225648"/>
                  <a:pt x="279610" y="1473620"/>
                </a:cubicBezTo>
                <a:cubicBezTo>
                  <a:pt x="198831" y="1675566"/>
                  <a:pt x="287755" y="1464890"/>
                  <a:pt x="226711" y="1586975"/>
                </a:cubicBezTo>
                <a:cubicBezTo>
                  <a:pt x="181294" y="1677807"/>
                  <a:pt x="229166" y="1602822"/>
                  <a:pt x="173811" y="1692774"/>
                </a:cubicBezTo>
                <a:cubicBezTo>
                  <a:pt x="144143" y="1740984"/>
                  <a:pt x="113288" y="1788454"/>
                  <a:pt x="83127" y="1836357"/>
                </a:cubicBezTo>
                <a:cubicBezTo>
                  <a:pt x="70465" y="1856467"/>
                  <a:pt x="45342" y="1896813"/>
                  <a:pt x="45342" y="1896813"/>
                </a:cubicBezTo>
                <a:cubicBezTo>
                  <a:pt x="37785" y="1922003"/>
                  <a:pt x="31516" y="1947617"/>
                  <a:pt x="22671" y="1972384"/>
                </a:cubicBezTo>
                <a:cubicBezTo>
                  <a:pt x="-10261" y="2064595"/>
                  <a:pt x="22434" y="1943102"/>
                  <a:pt x="0" y="2032840"/>
                </a:cubicBezTo>
                <a:cubicBezTo>
                  <a:pt x="10076" y="2075663"/>
                  <a:pt x="16316" y="2119574"/>
                  <a:pt x="30228" y="2161309"/>
                </a:cubicBezTo>
                <a:cubicBezTo>
                  <a:pt x="34211" y="2173258"/>
                  <a:pt x="43669" y="2182967"/>
                  <a:pt x="52899" y="2191537"/>
                </a:cubicBezTo>
                <a:cubicBezTo>
                  <a:pt x="79134" y="2215898"/>
                  <a:pt x="103119" y="2245447"/>
                  <a:pt x="136026" y="2259550"/>
                </a:cubicBezTo>
                <a:cubicBezTo>
                  <a:pt x="137412" y="2260144"/>
                  <a:pt x="275565" y="2321278"/>
                  <a:pt x="302281" y="2327564"/>
                </a:cubicBezTo>
                <a:cubicBezTo>
                  <a:pt x="324485" y="2332789"/>
                  <a:pt x="347623" y="2332602"/>
                  <a:pt x="370294" y="2335121"/>
                </a:cubicBezTo>
                <a:cubicBezTo>
                  <a:pt x="390446" y="2340159"/>
                  <a:pt x="409978" y="2350235"/>
                  <a:pt x="430750" y="2350235"/>
                </a:cubicBezTo>
                <a:cubicBezTo>
                  <a:pt x="565110" y="2350235"/>
                  <a:pt x="762378" y="2337065"/>
                  <a:pt x="914400" y="2327564"/>
                </a:cubicBezTo>
                <a:cubicBezTo>
                  <a:pt x="1085692" y="2332602"/>
                  <a:pt x="1257160" y="2333428"/>
                  <a:pt x="1428277" y="2342678"/>
                </a:cubicBezTo>
                <a:cubicBezTo>
                  <a:pt x="1444186" y="2343538"/>
                  <a:pt x="1473620" y="2357792"/>
                  <a:pt x="1473620" y="2357792"/>
                </a:cubicBezTo>
              </a:path>
            </a:pathLst>
          </a:custGeom>
          <a:noFill/>
          <a:ln w="28575">
            <a:headEnd type="none" w="med" len="med"/>
            <a:tailEnd type="triangle" w="med" len="med"/>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71553284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Picture 4">
            <a:extLst>
              <a:ext uri="{FF2B5EF4-FFF2-40B4-BE49-F238E27FC236}">
                <a16:creationId xmlns:a16="http://schemas.microsoft.com/office/drawing/2014/main" id="{7CA8344D-BB1A-6F5E-0E30-4829231FEB40}"/>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862436" y="0"/>
            <a:ext cx="6858000" cy="6858000"/>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2" descr="Image">
            <a:extLst>
              <a:ext uri="{FF2B5EF4-FFF2-40B4-BE49-F238E27FC236}">
                <a16:creationId xmlns:a16="http://schemas.microsoft.com/office/drawing/2014/main" id="{1A28B19C-CE1A-4F1F-9E82-03697DBC291C}"/>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rot="450546">
            <a:off x="247690" y="596576"/>
            <a:ext cx="2452605" cy="2452605"/>
          </a:xfrm>
          <a:prstGeom prst="rect">
            <a:avLst/>
          </a:prstGeom>
          <a:noFill/>
          <a:extLst>
            <a:ext uri="{909E8E84-426E-40DD-AFC4-6F175D3DCCD1}">
              <a14:hiddenFill xmlns:a14="http://schemas.microsoft.com/office/drawing/2010/main">
                <a:solidFill>
                  <a:srgbClr val="FFFFFF"/>
                </a:solidFill>
              </a14:hiddenFill>
            </a:ext>
          </a:extLst>
        </p:spPr>
      </p:pic>
      <p:pic>
        <p:nvPicPr>
          <p:cNvPr id="8" name="図 13">
            <a:extLst>
              <a:ext uri="{FF2B5EF4-FFF2-40B4-BE49-F238E27FC236}">
                <a16:creationId xmlns:a16="http://schemas.microsoft.com/office/drawing/2014/main" id="{B18A2A1A-FB5E-4E81-9AE1-0A13DBBF28C1}"/>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11221816" y="5792566"/>
            <a:ext cx="966733" cy="1053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テキスト ボックス 1">
            <a:extLst>
              <a:ext uri="{FF2B5EF4-FFF2-40B4-BE49-F238E27FC236}">
                <a16:creationId xmlns:a16="http://schemas.microsoft.com/office/drawing/2014/main" id="{07BAAD30-FBB4-4C39-A11A-C0CDED7DD39D}"/>
              </a:ext>
            </a:extLst>
          </p:cNvPr>
          <p:cNvSpPr txBox="1"/>
          <p:nvPr/>
        </p:nvSpPr>
        <p:spPr>
          <a:xfrm rot="20399141">
            <a:off x="10910353" y="5595133"/>
            <a:ext cx="801189" cy="30777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ポチッ</a:t>
            </a:r>
          </a:p>
        </p:txBody>
      </p:sp>
      <p:sp>
        <p:nvSpPr>
          <p:cNvPr id="3" name="テキスト ボックス 2">
            <a:extLst>
              <a:ext uri="{FF2B5EF4-FFF2-40B4-BE49-F238E27FC236}">
                <a16:creationId xmlns:a16="http://schemas.microsoft.com/office/drawing/2014/main" id="{70372E2E-3317-56C7-294B-203F13DD6EF2}"/>
              </a:ext>
            </a:extLst>
          </p:cNvPr>
          <p:cNvSpPr txBox="1"/>
          <p:nvPr/>
        </p:nvSpPr>
        <p:spPr>
          <a:xfrm rot="284627">
            <a:off x="990826" y="3091891"/>
            <a:ext cx="10137322" cy="830997"/>
          </a:xfrm>
          <a:prstGeom prst="rect">
            <a:avLst/>
          </a:prstGeom>
          <a:solidFill>
            <a:schemeClr val="accent2">
              <a:lumMod val="75000"/>
            </a:schemeClr>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48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最後にアンケートにご協力下さい！</a:t>
            </a:r>
          </a:p>
        </p:txBody>
      </p:sp>
      <p:pic>
        <p:nvPicPr>
          <p:cNvPr id="4" name="Picture 8" descr="QRコードが表示されたスマートフォンのイラスト">
            <a:extLst>
              <a:ext uri="{FF2B5EF4-FFF2-40B4-BE49-F238E27FC236}">
                <a16:creationId xmlns:a16="http://schemas.microsoft.com/office/drawing/2014/main" id="{D276F7AF-67D8-312F-FDFA-61850593C2C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0300678" y="195436"/>
            <a:ext cx="1688937" cy="287478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33753725"/>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p:nvPr/>
        </p:nvSpPr>
        <p:spPr>
          <a:xfrm>
            <a:off x="4783074" y="2116074"/>
            <a:ext cx="5701665" cy="3491865"/>
          </a:xfrm>
          <a:custGeom>
            <a:avLst/>
            <a:gdLst/>
            <a:ahLst/>
            <a:cxnLst/>
            <a:rect l="l" t="t" r="r" b="b"/>
            <a:pathLst>
              <a:path w="5701665" h="3491865">
                <a:moveTo>
                  <a:pt x="0" y="3491484"/>
                </a:moveTo>
                <a:lnTo>
                  <a:pt x="5701283" y="3491484"/>
                </a:lnTo>
                <a:lnTo>
                  <a:pt x="5701283" y="0"/>
                </a:lnTo>
                <a:lnTo>
                  <a:pt x="0" y="0"/>
                </a:lnTo>
                <a:lnTo>
                  <a:pt x="0" y="3491484"/>
                </a:lnTo>
                <a:close/>
              </a:path>
            </a:pathLst>
          </a:custGeom>
          <a:ln w="38100">
            <a:solidFill>
              <a:srgbClr val="000000"/>
            </a:solidFill>
          </a:ln>
        </p:spPr>
        <p:txBody>
          <a:bodyPr wrap="square" lIns="0" tIns="0" rIns="0" bIns="0" rtlCol="0"/>
          <a:lstStyle/>
          <a:p>
            <a:endParaRPr/>
          </a:p>
        </p:txBody>
      </p:sp>
      <p:sp>
        <p:nvSpPr>
          <p:cNvPr id="4" name="object 4"/>
          <p:cNvSpPr txBox="1"/>
          <p:nvPr/>
        </p:nvSpPr>
        <p:spPr>
          <a:xfrm>
            <a:off x="1602739" y="39752"/>
            <a:ext cx="5835650" cy="513715"/>
          </a:xfrm>
          <a:prstGeom prst="rect">
            <a:avLst/>
          </a:prstGeom>
        </p:spPr>
        <p:txBody>
          <a:bodyPr vert="horz" wrap="square" lIns="0" tIns="12700" rIns="0" bIns="0" rtlCol="0">
            <a:spAutoFit/>
          </a:bodyPr>
          <a:lstStyle/>
          <a:p>
            <a:pPr marL="12700">
              <a:spcBef>
                <a:spcPts val="100"/>
              </a:spcBef>
            </a:pPr>
            <a:r>
              <a:rPr sz="3200" b="1" dirty="0">
                <a:solidFill>
                  <a:srgbClr val="1F3863"/>
                </a:solidFill>
                <a:latin typeface="メイリオ"/>
                <a:cs typeface="メイリオ"/>
              </a:rPr>
              <a:t>応用</a:t>
            </a:r>
            <a:r>
              <a:rPr sz="3200" b="1" spc="-10" dirty="0">
                <a:solidFill>
                  <a:srgbClr val="1F3863"/>
                </a:solidFill>
                <a:latin typeface="Century Gothic"/>
                <a:cs typeface="Century Gothic"/>
              </a:rPr>
              <a:t>:</a:t>
            </a:r>
            <a:r>
              <a:rPr sz="3200" b="1" spc="-10" dirty="0">
                <a:solidFill>
                  <a:srgbClr val="1F3863"/>
                </a:solidFill>
                <a:latin typeface="メイリオ"/>
                <a:cs typeface="メイリオ"/>
              </a:rPr>
              <a:t>やわらかいロボットの制御</a:t>
            </a:r>
            <a:endParaRPr sz="3200">
              <a:latin typeface="メイリオ"/>
              <a:cs typeface="メイリオ"/>
            </a:endParaRPr>
          </a:p>
        </p:txBody>
      </p:sp>
      <p:sp>
        <p:nvSpPr>
          <p:cNvPr id="5" name="object 5"/>
          <p:cNvSpPr txBox="1"/>
          <p:nvPr/>
        </p:nvSpPr>
        <p:spPr>
          <a:xfrm>
            <a:off x="1602739" y="634111"/>
            <a:ext cx="8484870" cy="1236345"/>
          </a:xfrm>
          <a:prstGeom prst="rect">
            <a:avLst/>
          </a:prstGeom>
        </p:spPr>
        <p:txBody>
          <a:bodyPr vert="horz" wrap="square" lIns="0" tIns="12700" rIns="0" bIns="0" rtlCol="0">
            <a:spAutoFit/>
          </a:bodyPr>
          <a:lstStyle/>
          <a:p>
            <a:pPr marL="12700">
              <a:spcBef>
                <a:spcPts val="100"/>
              </a:spcBef>
            </a:pPr>
            <a:r>
              <a:rPr dirty="0">
                <a:latin typeface="メイリオ"/>
                <a:cs typeface="メイリオ"/>
              </a:rPr>
              <a:t>ロボットやドローンなどに積める情報処理デバイスの性能には限界がある</a:t>
            </a:r>
            <a:r>
              <a:rPr spc="-25" dirty="0">
                <a:latin typeface="Century Gothic"/>
                <a:cs typeface="Century Gothic"/>
              </a:rPr>
              <a:t>……</a:t>
            </a:r>
            <a:endParaRPr>
              <a:latin typeface="Century Gothic"/>
              <a:cs typeface="Century Gothic"/>
            </a:endParaRPr>
          </a:p>
          <a:p>
            <a:pPr marL="12700"/>
            <a:r>
              <a:rPr dirty="0">
                <a:latin typeface="Century Gothic"/>
                <a:cs typeface="Century Gothic"/>
              </a:rPr>
              <a:t>→</a:t>
            </a:r>
            <a:r>
              <a:rPr dirty="0">
                <a:latin typeface="メイリオ"/>
                <a:cs typeface="メイリオ"/>
              </a:rPr>
              <a:t>リザバーコンピューティングを利用すれば</a:t>
            </a:r>
            <a:r>
              <a:rPr b="1" dirty="0">
                <a:latin typeface="メイリオ"/>
                <a:cs typeface="メイリオ"/>
              </a:rPr>
              <a:t>省電力・少ない計算コスト</a:t>
            </a:r>
            <a:r>
              <a:rPr spc="-125" dirty="0">
                <a:latin typeface="メイリオ"/>
                <a:cs typeface="メイリオ"/>
              </a:rPr>
              <a:t>で制御可能</a:t>
            </a:r>
            <a:endParaRPr>
              <a:latin typeface="メイリオ"/>
              <a:cs typeface="メイリオ"/>
            </a:endParaRPr>
          </a:p>
          <a:p>
            <a:pPr marL="12700">
              <a:spcBef>
                <a:spcPts val="685"/>
              </a:spcBef>
            </a:pPr>
            <a:r>
              <a:rPr b="1" dirty="0">
                <a:latin typeface="メイリオ"/>
                <a:cs typeface="メイリオ"/>
              </a:rPr>
              <a:t>（例）</a:t>
            </a:r>
            <a:r>
              <a:rPr b="1" spc="-5" dirty="0">
                <a:latin typeface="メイリオ"/>
                <a:cs typeface="メイリオ"/>
              </a:rPr>
              <a:t>タコ足ロボットのモーション制御</a:t>
            </a:r>
            <a:endParaRPr>
              <a:latin typeface="メイリオ"/>
              <a:cs typeface="メイリオ"/>
            </a:endParaRPr>
          </a:p>
          <a:p>
            <a:pPr marL="196215">
              <a:spcBef>
                <a:spcPts val="445"/>
              </a:spcBef>
            </a:pPr>
            <a:r>
              <a:rPr sz="1600" spc="-30" dirty="0">
                <a:latin typeface="メイリオ"/>
                <a:cs typeface="メイリオ"/>
              </a:rPr>
              <a:t>やわらかな足の節々にひずみセンサーをつけて、モーションを制御する。</a:t>
            </a:r>
            <a:endParaRPr sz="1600">
              <a:latin typeface="メイリオ"/>
              <a:cs typeface="メイリオ"/>
            </a:endParaRPr>
          </a:p>
        </p:txBody>
      </p:sp>
      <p:sp>
        <p:nvSpPr>
          <p:cNvPr id="6" name="object 6"/>
          <p:cNvSpPr txBox="1"/>
          <p:nvPr/>
        </p:nvSpPr>
        <p:spPr>
          <a:xfrm>
            <a:off x="1686865" y="6078118"/>
            <a:ext cx="5052695" cy="197490"/>
          </a:xfrm>
          <a:prstGeom prst="rect">
            <a:avLst/>
          </a:prstGeom>
        </p:spPr>
        <p:txBody>
          <a:bodyPr vert="horz" wrap="square" lIns="0" tIns="12700" rIns="0" bIns="0" rtlCol="0">
            <a:spAutoFit/>
          </a:bodyPr>
          <a:lstStyle/>
          <a:p>
            <a:pPr marL="12700">
              <a:spcBef>
                <a:spcPts val="100"/>
              </a:spcBef>
            </a:pPr>
            <a:r>
              <a:rPr sz="1200" spc="-10" dirty="0">
                <a:latin typeface="Century Gothic"/>
                <a:cs typeface="Century Gothic"/>
              </a:rPr>
              <a:t>https://</a:t>
            </a:r>
            <a:r>
              <a:rPr sz="1200" spc="-10" dirty="0">
                <a:latin typeface="Century Gothic"/>
                <a:cs typeface="Century Gothic"/>
                <a:hlinkClick r:id="rId2"/>
              </a:rPr>
              <a:t>www.nikkei.com/article/DGXMZO32049350R20C18A6000000/</a:t>
            </a:r>
            <a:endParaRPr sz="1200">
              <a:latin typeface="Century Gothic"/>
              <a:cs typeface="Century Gothic"/>
            </a:endParaRPr>
          </a:p>
        </p:txBody>
      </p:sp>
      <p:sp>
        <p:nvSpPr>
          <p:cNvPr id="7" name="object 7"/>
          <p:cNvSpPr txBox="1"/>
          <p:nvPr/>
        </p:nvSpPr>
        <p:spPr>
          <a:xfrm>
            <a:off x="1686865" y="5217110"/>
            <a:ext cx="2384425" cy="873125"/>
          </a:xfrm>
          <a:prstGeom prst="rect">
            <a:avLst/>
          </a:prstGeom>
        </p:spPr>
        <p:txBody>
          <a:bodyPr vert="horz" wrap="square" lIns="0" tIns="12700" rIns="0" bIns="0" rtlCol="0">
            <a:spAutoFit/>
          </a:bodyPr>
          <a:lstStyle/>
          <a:p>
            <a:pPr marL="542290">
              <a:spcBef>
                <a:spcPts val="100"/>
              </a:spcBef>
            </a:pPr>
            <a:r>
              <a:rPr b="1" spc="-20" dirty="0">
                <a:latin typeface="メイリオ"/>
                <a:cs typeface="メイリオ"/>
              </a:rPr>
              <a:t>センサの歪みから</a:t>
            </a:r>
            <a:endParaRPr>
              <a:latin typeface="メイリオ"/>
              <a:cs typeface="メイリオ"/>
            </a:endParaRPr>
          </a:p>
          <a:p>
            <a:pPr marL="542290">
              <a:spcBef>
                <a:spcPts val="5"/>
              </a:spcBef>
            </a:pPr>
            <a:r>
              <a:rPr b="1" spc="-10" dirty="0">
                <a:latin typeface="メイリオ"/>
                <a:cs typeface="メイリオ"/>
              </a:rPr>
              <a:t>出力を計算</a:t>
            </a:r>
            <a:endParaRPr>
              <a:latin typeface="メイリオ"/>
              <a:cs typeface="メイリオ"/>
            </a:endParaRPr>
          </a:p>
          <a:p>
            <a:pPr marL="12700">
              <a:spcBef>
                <a:spcPts val="905"/>
              </a:spcBef>
            </a:pPr>
            <a:r>
              <a:rPr sz="1200" dirty="0">
                <a:latin typeface="ＭＳ ゴシック"/>
                <a:cs typeface="ＭＳ ゴシック"/>
              </a:rPr>
              <a:t>※</a:t>
            </a:r>
            <a:r>
              <a:rPr sz="1200" dirty="0">
                <a:latin typeface="メイリオ"/>
                <a:cs typeface="メイリオ"/>
              </a:rPr>
              <a:t>日経新聞</a:t>
            </a:r>
            <a:r>
              <a:rPr sz="1200" spc="-10" dirty="0">
                <a:latin typeface="Century Gothic"/>
                <a:cs typeface="Century Gothic"/>
              </a:rPr>
              <a:t>web</a:t>
            </a:r>
            <a:r>
              <a:rPr sz="1200" spc="-25" dirty="0">
                <a:latin typeface="メイリオ"/>
                <a:cs typeface="メイリオ"/>
              </a:rPr>
              <a:t>記事 </a:t>
            </a:r>
            <a:r>
              <a:rPr sz="1200" spc="-10" dirty="0">
                <a:latin typeface="Century Gothic"/>
                <a:cs typeface="Century Gothic"/>
              </a:rPr>
              <a:t>2018/08/30</a:t>
            </a:r>
            <a:endParaRPr sz="1200">
              <a:latin typeface="Century Gothic"/>
              <a:cs typeface="Century Gothic"/>
            </a:endParaRPr>
          </a:p>
        </p:txBody>
      </p:sp>
      <p:sp>
        <p:nvSpPr>
          <p:cNvPr id="9" name="object 9"/>
          <p:cNvSpPr txBox="1"/>
          <p:nvPr/>
        </p:nvSpPr>
        <p:spPr>
          <a:xfrm>
            <a:off x="1686864" y="6316168"/>
            <a:ext cx="4607560" cy="507365"/>
          </a:xfrm>
          <a:prstGeom prst="rect">
            <a:avLst/>
          </a:prstGeom>
        </p:spPr>
        <p:txBody>
          <a:bodyPr vert="horz" wrap="square" lIns="0" tIns="70485" rIns="0" bIns="0" rtlCol="0">
            <a:spAutoFit/>
          </a:bodyPr>
          <a:lstStyle/>
          <a:p>
            <a:pPr marL="12700">
              <a:spcBef>
                <a:spcPts val="555"/>
              </a:spcBef>
            </a:pPr>
            <a:r>
              <a:rPr sz="1200" dirty="0">
                <a:latin typeface="ＭＳ ゴシック"/>
                <a:cs typeface="ＭＳ ゴシック"/>
              </a:rPr>
              <a:t>※</a:t>
            </a:r>
            <a:r>
              <a:rPr sz="1200" dirty="0">
                <a:latin typeface="Century Gothic"/>
                <a:cs typeface="Century Gothic"/>
              </a:rPr>
              <a:t>10</a:t>
            </a:r>
            <a:r>
              <a:rPr sz="1200" spc="-20" dirty="0">
                <a:latin typeface="Century Gothic"/>
                <a:cs typeface="Century Gothic"/>
              </a:rPr>
              <a:t> </a:t>
            </a:r>
            <a:r>
              <a:rPr sz="1200" dirty="0">
                <a:latin typeface="Century Gothic"/>
                <a:cs typeface="Century Gothic"/>
              </a:rPr>
              <a:t>K.</a:t>
            </a:r>
            <a:r>
              <a:rPr sz="1200" spc="-20" dirty="0">
                <a:latin typeface="Century Gothic"/>
                <a:cs typeface="Century Gothic"/>
              </a:rPr>
              <a:t> </a:t>
            </a:r>
            <a:r>
              <a:rPr sz="1200" dirty="0">
                <a:latin typeface="Century Gothic"/>
                <a:cs typeface="Century Gothic"/>
              </a:rPr>
              <a:t>Nakajima et</a:t>
            </a:r>
            <a:r>
              <a:rPr sz="1200" spc="-25" dirty="0">
                <a:latin typeface="Century Gothic"/>
                <a:cs typeface="Century Gothic"/>
              </a:rPr>
              <a:t> </a:t>
            </a:r>
            <a:r>
              <a:rPr sz="1200" dirty="0">
                <a:latin typeface="Century Gothic"/>
                <a:cs typeface="Century Gothic"/>
              </a:rPr>
              <a:t>al.,</a:t>
            </a:r>
            <a:r>
              <a:rPr sz="1200" spc="-10" dirty="0">
                <a:latin typeface="Century Gothic"/>
                <a:cs typeface="Century Gothic"/>
              </a:rPr>
              <a:t> </a:t>
            </a:r>
            <a:r>
              <a:rPr sz="1200" b="1" i="1" dirty="0">
                <a:latin typeface="Century Gothic"/>
                <a:cs typeface="Century Gothic"/>
              </a:rPr>
              <a:t>Scientific</a:t>
            </a:r>
            <a:r>
              <a:rPr sz="1200" b="1" i="1" spc="-35" dirty="0">
                <a:latin typeface="Century Gothic"/>
                <a:cs typeface="Century Gothic"/>
              </a:rPr>
              <a:t> </a:t>
            </a:r>
            <a:r>
              <a:rPr sz="1200" b="1" i="1" dirty="0">
                <a:latin typeface="Century Gothic"/>
                <a:cs typeface="Century Gothic"/>
              </a:rPr>
              <a:t>reports</a:t>
            </a:r>
            <a:r>
              <a:rPr sz="1200" dirty="0">
                <a:latin typeface="Century Gothic"/>
                <a:cs typeface="Century Gothic"/>
              </a:rPr>
              <a:t>,</a:t>
            </a:r>
            <a:r>
              <a:rPr sz="1200" spc="-20" dirty="0">
                <a:latin typeface="Century Gothic"/>
                <a:cs typeface="Century Gothic"/>
              </a:rPr>
              <a:t> </a:t>
            </a:r>
            <a:r>
              <a:rPr sz="1200" dirty="0">
                <a:latin typeface="Century Gothic"/>
                <a:cs typeface="Century Gothic"/>
              </a:rPr>
              <a:t>5</a:t>
            </a:r>
            <a:r>
              <a:rPr sz="1200" spc="-25" dirty="0">
                <a:latin typeface="Century Gothic"/>
                <a:cs typeface="Century Gothic"/>
              </a:rPr>
              <a:t> </a:t>
            </a:r>
            <a:r>
              <a:rPr sz="1200" dirty="0">
                <a:latin typeface="Century Gothic"/>
                <a:cs typeface="Century Gothic"/>
              </a:rPr>
              <a:t>10487,</a:t>
            </a:r>
            <a:r>
              <a:rPr sz="1200" spc="-10" dirty="0">
                <a:latin typeface="Century Gothic"/>
                <a:cs typeface="Century Gothic"/>
              </a:rPr>
              <a:t> (</a:t>
            </a:r>
            <a:r>
              <a:rPr sz="1200" b="1" spc="-10" dirty="0">
                <a:latin typeface="Century Gothic"/>
                <a:cs typeface="Century Gothic"/>
              </a:rPr>
              <a:t>2015)</a:t>
            </a:r>
            <a:endParaRPr sz="1200" dirty="0">
              <a:latin typeface="Century Gothic"/>
              <a:cs typeface="Century Gothic"/>
            </a:endParaRPr>
          </a:p>
          <a:p>
            <a:pPr marL="12700">
              <a:spcBef>
                <a:spcPts val="455"/>
              </a:spcBef>
            </a:pPr>
            <a:r>
              <a:rPr sz="1200" dirty="0">
                <a:latin typeface="ＭＳ ゴシック"/>
                <a:cs typeface="ＭＳ ゴシック"/>
              </a:rPr>
              <a:t>※</a:t>
            </a:r>
            <a:r>
              <a:rPr sz="1200" dirty="0">
                <a:latin typeface="Century Gothic"/>
                <a:cs typeface="Century Gothic"/>
              </a:rPr>
              <a:t>11</a:t>
            </a:r>
            <a:r>
              <a:rPr sz="1200" spc="-5" dirty="0">
                <a:latin typeface="Century Gothic"/>
                <a:cs typeface="Century Gothic"/>
              </a:rPr>
              <a:t> </a:t>
            </a:r>
            <a:r>
              <a:rPr sz="1200" dirty="0">
                <a:latin typeface="Century Gothic"/>
                <a:cs typeface="Century Gothic"/>
              </a:rPr>
              <a:t>K.</a:t>
            </a:r>
            <a:r>
              <a:rPr sz="1200" spc="-5" dirty="0">
                <a:latin typeface="Century Gothic"/>
                <a:cs typeface="Century Gothic"/>
              </a:rPr>
              <a:t> </a:t>
            </a:r>
            <a:r>
              <a:rPr sz="1200" dirty="0">
                <a:latin typeface="Century Gothic"/>
                <a:cs typeface="Century Gothic"/>
              </a:rPr>
              <a:t>Nakajima</a:t>
            </a:r>
            <a:r>
              <a:rPr sz="1200" spc="10" dirty="0">
                <a:latin typeface="Century Gothic"/>
                <a:cs typeface="Century Gothic"/>
              </a:rPr>
              <a:t> </a:t>
            </a:r>
            <a:r>
              <a:rPr sz="1200" dirty="0">
                <a:latin typeface="Century Gothic"/>
                <a:cs typeface="Century Gothic"/>
              </a:rPr>
              <a:t>et</a:t>
            </a:r>
            <a:r>
              <a:rPr sz="1200" spc="-10" dirty="0">
                <a:latin typeface="Century Gothic"/>
                <a:cs typeface="Century Gothic"/>
              </a:rPr>
              <a:t> </a:t>
            </a:r>
            <a:r>
              <a:rPr sz="1200" dirty="0">
                <a:latin typeface="Century Gothic"/>
                <a:cs typeface="Century Gothic"/>
              </a:rPr>
              <a:t>al.,</a:t>
            </a:r>
            <a:r>
              <a:rPr sz="1200" spc="5" dirty="0">
                <a:latin typeface="Century Gothic"/>
                <a:cs typeface="Century Gothic"/>
              </a:rPr>
              <a:t> </a:t>
            </a:r>
            <a:r>
              <a:rPr sz="1200" b="1" i="1" dirty="0">
                <a:latin typeface="Century Gothic"/>
                <a:cs typeface="Century Gothic"/>
              </a:rPr>
              <a:t>Soft</a:t>
            </a:r>
            <a:r>
              <a:rPr sz="1200" b="1" i="1" spc="-10" dirty="0">
                <a:latin typeface="Century Gothic"/>
                <a:cs typeface="Century Gothic"/>
              </a:rPr>
              <a:t> </a:t>
            </a:r>
            <a:r>
              <a:rPr sz="1200" b="1" i="1" dirty="0">
                <a:latin typeface="Century Gothic"/>
                <a:cs typeface="Century Gothic"/>
              </a:rPr>
              <a:t>Robotics</a:t>
            </a:r>
            <a:r>
              <a:rPr sz="1200" dirty="0">
                <a:latin typeface="Century Gothic"/>
                <a:cs typeface="Century Gothic"/>
              </a:rPr>
              <a:t>,</a:t>
            </a:r>
            <a:r>
              <a:rPr sz="1200" spc="-20" dirty="0">
                <a:latin typeface="Century Gothic"/>
                <a:cs typeface="Century Gothic"/>
              </a:rPr>
              <a:t> </a:t>
            </a:r>
            <a:r>
              <a:rPr sz="1200" dirty="0">
                <a:latin typeface="Century Gothic"/>
                <a:cs typeface="Century Gothic"/>
              </a:rPr>
              <a:t>3</a:t>
            </a:r>
            <a:r>
              <a:rPr sz="1200" spc="-15" dirty="0">
                <a:latin typeface="Century Gothic"/>
                <a:cs typeface="Century Gothic"/>
              </a:rPr>
              <a:t> </a:t>
            </a:r>
            <a:r>
              <a:rPr sz="1200" dirty="0">
                <a:latin typeface="Century Gothic"/>
                <a:cs typeface="Century Gothic"/>
              </a:rPr>
              <a:t>vol5.</a:t>
            </a:r>
            <a:r>
              <a:rPr sz="1200" spc="-20" dirty="0">
                <a:latin typeface="Century Gothic"/>
                <a:cs typeface="Century Gothic"/>
              </a:rPr>
              <a:t> </a:t>
            </a:r>
            <a:r>
              <a:rPr sz="1200" spc="-10" dirty="0">
                <a:latin typeface="Century Gothic"/>
                <a:cs typeface="Century Gothic"/>
              </a:rPr>
              <a:t>pp,339-</a:t>
            </a:r>
            <a:r>
              <a:rPr sz="1200" dirty="0">
                <a:latin typeface="Century Gothic"/>
                <a:cs typeface="Century Gothic"/>
              </a:rPr>
              <a:t>347</a:t>
            </a:r>
            <a:r>
              <a:rPr sz="1200" spc="10" dirty="0">
                <a:latin typeface="Century Gothic"/>
                <a:cs typeface="Century Gothic"/>
              </a:rPr>
              <a:t> </a:t>
            </a:r>
            <a:r>
              <a:rPr sz="1200" spc="-10" dirty="0">
                <a:latin typeface="Century Gothic"/>
                <a:cs typeface="Century Gothic"/>
              </a:rPr>
              <a:t>(</a:t>
            </a:r>
            <a:r>
              <a:rPr sz="1200" b="1" spc="-10" dirty="0">
                <a:latin typeface="Century Gothic"/>
                <a:cs typeface="Century Gothic"/>
              </a:rPr>
              <a:t>2018)</a:t>
            </a:r>
            <a:endParaRPr sz="1200" dirty="0">
              <a:latin typeface="Century Gothic"/>
              <a:cs typeface="Century Gothic"/>
            </a:endParaRPr>
          </a:p>
        </p:txBody>
      </p:sp>
      <p:sp>
        <p:nvSpPr>
          <p:cNvPr id="10" name="object 10"/>
          <p:cNvSpPr txBox="1"/>
          <p:nvPr/>
        </p:nvSpPr>
        <p:spPr>
          <a:xfrm>
            <a:off x="4957519" y="2354072"/>
            <a:ext cx="5257292" cy="570734"/>
          </a:xfrm>
          <a:prstGeom prst="rect">
            <a:avLst/>
          </a:prstGeom>
        </p:spPr>
        <p:txBody>
          <a:bodyPr vert="horz" wrap="square" lIns="0" tIns="6985" rIns="0" bIns="0" rtlCol="0">
            <a:spAutoFit/>
          </a:bodyPr>
          <a:lstStyle/>
          <a:p>
            <a:pPr marL="12700" marR="5080" algn="just">
              <a:lnSpc>
                <a:spcPct val="101899"/>
              </a:lnSpc>
              <a:spcBef>
                <a:spcPts val="55"/>
              </a:spcBef>
            </a:pPr>
            <a:r>
              <a:rPr b="1" spc="-5" dirty="0">
                <a:latin typeface="メイリオ"/>
                <a:cs typeface="メイリオ"/>
              </a:rPr>
              <a:t>ベンチマークテストにより複雑な計算を行う性能があることを</a:t>
            </a:r>
            <a:r>
              <a:rPr b="1" dirty="0">
                <a:latin typeface="メイリオ"/>
                <a:cs typeface="メイリオ"/>
              </a:rPr>
              <a:t>実証</a:t>
            </a:r>
            <a:r>
              <a:rPr b="1" spc="-10" dirty="0">
                <a:latin typeface="メイリオ"/>
                <a:cs typeface="メイリオ"/>
              </a:rPr>
              <a:t>！（</a:t>
            </a:r>
            <a:r>
              <a:rPr b="1" spc="-10" dirty="0">
                <a:latin typeface="ＭＳ ゴシック"/>
                <a:cs typeface="ＭＳ ゴシック"/>
              </a:rPr>
              <a:t>※</a:t>
            </a:r>
            <a:r>
              <a:rPr b="1" spc="-10" dirty="0">
                <a:latin typeface="Century Gothic"/>
                <a:cs typeface="Century Gothic"/>
              </a:rPr>
              <a:t>10</a:t>
            </a:r>
            <a:r>
              <a:rPr b="1" spc="-10" dirty="0">
                <a:latin typeface="メイリオ"/>
                <a:cs typeface="メイリオ"/>
              </a:rPr>
              <a:t>）</a:t>
            </a:r>
            <a:endParaRPr dirty="0">
              <a:latin typeface="メイリオ"/>
              <a:cs typeface="メイリオ"/>
            </a:endParaRPr>
          </a:p>
        </p:txBody>
      </p:sp>
      <p:sp>
        <p:nvSpPr>
          <p:cNvPr id="11" name="object 11"/>
          <p:cNvSpPr txBox="1"/>
          <p:nvPr/>
        </p:nvSpPr>
        <p:spPr>
          <a:xfrm>
            <a:off x="5044517" y="3571697"/>
            <a:ext cx="5257291" cy="895117"/>
          </a:xfrm>
          <a:prstGeom prst="rect">
            <a:avLst/>
          </a:prstGeom>
        </p:spPr>
        <p:txBody>
          <a:bodyPr vert="horz" wrap="square" lIns="0" tIns="12700" rIns="0" bIns="0" rtlCol="0">
            <a:spAutoFit/>
          </a:bodyPr>
          <a:lstStyle/>
          <a:p>
            <a:pPr marL="12700">
              <a:spcBef>
                <a:spcPts val="100"/>
              </a:spcBef>
            </a:pPr>
            <a:r>
              <a:rPr b="1" spc="-15" dirty="0" err="1">
                <a:latin typeface="メイリオ"/>
                <a:cs typeface="メイリオ"/>
              </a:rPr>
              <a:t>センサーの情報から次に足がど</a:t>
            </a:r>
            <a:r>
              <a:rPr b="1" spc="-5" dirty="0" err="1">
                <a:latin typeface="メイリオ"/>
                <a:cs typeface="メイリオ"/>
              </a:rPr>
              <a:t>のように歪むかも</a:t>
            </a:r>
            <a:endParaRPr lang="en-US" b="1" spc="-5" dirty="0">
              <a:latin typeface="メイリオ"/>
              <a:cs typeface="メイリオ"/>
            </a:endParaRPr>
          </a:p>
          <a:p>
            <a:pPr marL="12700">
              <a:spcBef>
                <a:spcPts val="100"/>
              </a:spcBef>
            </a:pPr>
            <a:r>
              <a:rPr b="1" spc="-5" dirty="0" err="1">
                <a:latin typeface="メイリオ"/>
                <a:cs typeface="メイリオ"/>
              </a:rPr>
              <a:t>予測可能</a:t>
            </a:r>
            <a:r>
              <a:rPr b="1" spc="-5" dirty="0">
                <a:latin typeface="メイリオ"/>
                <a:cs typeface="メイリオ"/>
              </a:rPr>
              <a:t>！</a:t>
            </a:r>
            <a:endParaRPr dirty="0">
              <a:latin typeface="メイリオ"/>
              <a:cs typeface="メイリオ"/>
            </a:endParaRPr>
          </a:p>
          <a:p>
            <a:pPr marL="12700">
              <a:spcBef>
                <a:spcPts val="265"/>
              </a:spcBef>
            </a:pPr>
            <a:r>
              <a:rPr b="1" spc="-10" dirty="0">
                <a:latin typeface="Century Gothic"/>
                <a:cs typeface="Century Gothic"/>
              </a:rPr>
              <a:t>(</a:t>
            </a:r>
            <a:r>
              <a:rPr b="1" spc="-10" dirty="0">
                <a:latin typeface="ＭＳ ゴシック"/>
                <a:cs typeface="ＭＳ ゴシック"/>
              </a:rPr>
              <a:t>※</a:t>
            </a:r>
            <a:r>
              <a:rPr b="1" spc="-10" dirty="0">
                <a:latin typeface="Century Gothic"/>
                <a:cs typeface="Century Gothic"/>
              </a:rPr>
              <a:t>11)</a:t>
            </a:r>
            <a:endParaRPr dirty="0">
              <a:latin typeface="Century Gothic"/>
              <a:cs typeface="Century Gothic"/>
            </a:endParaRPr>
          </a:p>
        </p:txBody>
      </p:sp>
      <p:sp>
        <p:nvSpPr>
          <p:cNvPr id="12" name="object 12"/>
          <p:cNvSpPr txBox="1"/>
          <p:nvPr/>
        </p:nvSpPr>
        <p:spPr>
          <a:xfrm>
            <a:off x="4993894" y="4740606"/>
            <a:ext cx="5364480" cy="636905"/>
          </a:xfrm>
          <a:prstGeom prst="rect">
            <a:avLst/>
          </a:prstGeom>
        </p:spPr>
        <p:txBody>
          <a:bodyPr vert="horz" wrap="square" lIns="0" tIns="13335" rIns="0" bIns="0" rtlCol="0">
            <a:spAutoFit/>
          </a:bodyPr>
          <a:lstStyle/>
          <a:p>
            <a:pPr marL="12700">
              <a:spcBef>
                <a:spcPts val="105"/>
              </a:spcBef>
            </a:pPr>
            <a:r>
              <a:rPr sz="2000" spc="-10" dirty="0">
                <a:latin typeface="Century Gothic"/>
                <a:cs typeface="Century Gothic"/>
              </a:rPr>
              <a:t>→</a:t>
            </a:r>
            <a:r>
              <a:rPr sz="2000" spc="-20" dirty="0">
                <a:latin typeface="メイリオ"/>
                <a:cs typeface="メイリオ"/>
              </a:rPr>
              <a:t>歪みをもとに自分の次の行動を予測して</a:t>
            </a:r>
            <a:endParaRPr sz="2000">
              <a:latin typeface="メイリオ"/>
              <a:cs typeface="メイリオ"/>
            </a:endParaRPr>
          </a:p>
          <a:p>
            <a:pPr marL="12700">
              <a:spcBef>
                <a:spcPts val="5"/>
              </a:spcBef>
            </a:pPr>
            <a:r>
              <a:rPr sz="2000" spc="-20" dirty="0">
                <a:latin typeface="メイリオ"/>
                <a:cs typeface="メイリオ"/>
              </a:rPr>
              <a:t>制御できる自立したロボットができる可能性も</a:t>
            </a:r>
            <a:endParaRPr sz="2000">
              <a:latin typeface="メイリオ"/>
              <a:cs typeface="メイリオ"/>
            </a:endParaRPr>
          </a:p>
        </p:txBody>
      </p:sp>
      <p:grpSp>
        <p:nvGrpSpPr>
          <p:cNvPr id="13" name="object 13"/>
          <p:cNvGrpSpPr/>
          <p:nvPr/>
        </p:nvGrpSpPr>
        <p:grpSpPr>
          <a:xfrm>
            <a:off x="2153158" y="2090673"/>
            <a:ext cx="2266950" cy="2854960"/>
            <a:chOff x="629158" y="2090673"/>
            <a:chExt cx="2266950" cy="2854960"/>
          </a:xfrm>
        </p:grpSpPr>
        <p:sp>
          <p:nvSpPr>
            <p:cNvPr id="14" name="object 14"/>
            <p:cNvSpPr/>
            <p:nvPr/>
          </p:nvSpPr>
          <p:spPr>
            <a:xfrm>
              <a:off x="724662" y="2950463"/>
              <a:ext cx="2093595" cy="1908175"/>
            </a:xfrm>
            <a:custGeom>
              <a:avLst/>
              <a:gdLst/>
              <a:ahLst/>
              <a:cxnLst/>
              <a:rect l="l" t="t" r="r" b="b"/>
              <a:pathLst>
                <a:path w="2093595" h="1908175">
                  <a:moveTo>
                    <a:pt x="0" y="1908048"/>
                  </a:moveTo>
                  <a:lnTo>
                    <a:pt x="2093214" y="1908048"/>
                  </a:lnTo>
                  <a:lnTo>
                    <a:pt x="2093214" y="0"/>
                  </a:lnTo>
                  <a:lnTo>
                    <a:pt x="0" y="0"/>
                  </a:lnTo>
                  <a:lnTo>
                    <a:pt x="0" y="1908048"/>
                  </a:lnTo>
                  <a:close/>
                </a:path>
              </a:pathLst>
            </a:custGeom>
            <a:solidFill>
              <a:srgbClr val="5B9BD4"/>
            </a:solidFill>
          </p:spPr>
          <p:txBody>
            <a:bodyPr wrap="square" lIns="0" tIns="0" rIns="0" bIns="0" rtlCol="0"/>
            <a:lstStyle/>
            <a:p>
              <a:endParaRPr/>
            </a:p>
          </p:txBody>
        </p:sp>
        <p:sp>
          <p:nvSpPr>
            <p:cNvPr id="15" name="object 15"/>
            <p:cNvSpPr/>
            <p:nvPr/>
          </p:nvSpPr>
          <p:spPr>
            <a:xfrm>
              <a:off x="658368" y="2456687"/>
              <a:ext cx="2208530" cy="2459990"/>
            </a:xfrm>
            <a:custGeom>
              <a:avLst/>
              <a:gdLst/>
              <a:ahLst/>
              <a:cxnLst/>
              <a:rect l="l" t="t" r="r" b="b"/>
              <a:pathLst>
                <a:path w="2208530" h="2459990">
                  <a:moveTo>
                    <a:pt x="37337" y="13715"/>
                  </a:moveTo>
                  <a:lnTo>
                    <a:pt x="18287" y="2443988"/>
                  </a:lnTo>
                </a:path>
                <a:path w="2208530" h="2459990">
                  <a:moveTo>
                    <a:pt x="2207514" y="0"/>
                  </a:moveTo>
                  <a:lnTo>
                    <a:pt x="2188464" y="2430272"/>
                  </a:lnTo>
                </a:path>
                <a:path w="2208530" h="2459990">
                  <a:moveTo>
                    <a:pt x="2208022" y="2459736"/>
                  </a:moveTo>
                  <a:lnTo>
                    <a:pt x="0" y="2430780"/>
                  </a:lnTo>
                </a:path>
              </a:pathLst>
            </a:custGeom>
            <a:ln w="57912">
              <a:solidFill>
                <a:srgbClr val="000000"/>
              </a:solidFill>
            </a:ln>
          </p:spPr>
          <p:txBody>
            <a:bodyPr wrap="square" lIns="0" tIns="0" rIns="0" bIns="0" rtlCol="0"/>
            <a:lstStyle/>
            <a:p>
              <a:endParaRPr/>
            </a:p>
          </p:txBody>
        </p:sp>
        <p:sp>
          <p:nvSpPr>
            <p:cNvPr id="16" name="object 16"/>
            <p:cNvSpPr/>
            <p:nvPr/>
          </p:nvSpPr>
          <p:spPr>
            <a:xfrm>
              <a:off x="1143000" y="2097023"/>
              <a:ext cx="1112520" cy="93345"/>
            </a:xfrm>
            <a:custGeom>
              <a:avLst/>
              <a:gdLst/>
              <a:ahLst/>
              <a:cxnLst/>
              <a:rect l="l" t="t" r="r" b="b"/>
              <a:pathLst>
                <a:path w="1112520" h="93344">
                  <a:moveTo>
                    <a:pt x="1112520" y="0"/>
                  </a:moveTo>
                  <a:lnTo>
                    <a:pt x="0" y="0"/>
                  </a:lnTo>
                  <a:lnTo>
                    <a:pt x="0" y="92963"/>
                  </a:lnTo>
                  <a:lnTo>
                    <a:pt x="1112520" y="92963"/>
                  </a:lnTo>
                  <a:lnTo>
                    <a:pt x="1112520" y="0"/>
                  </a:lnTo>
                  <a:close/>
                </a:path>
              </a:pathLst>
            </a:custGeom>
            <a:solidFill>
              <a:srgbClr val="A6A6A6"/>
            </a:solidFill>
          </p:spPr>
          <p:txBody>
            <a:bodyPr wrap="square" lIns="0" tIns="0" rIns="0" bIns="0" rtlCol="0"/>
            <a:lstStyle/>
            <a:p>
              <a:endParaRPr/>
            </a:p>
          </p:txBody>
        </p:sp>
        <p:sp>
          <p:nvSpPr>
            <p:cNvPr id="17" name="object 17"/>
            <p:cNvSpPr/>
            <p:nvPr/>
          </p:nvSpPr>
          <p:spPr>
            <a:xfrm>
              <a:off x="1143000" y="2097023"/>
              <a:ext cx="1112520" cy="93345"/>
            </a:xfrm>
            <a:custGeom>
              <a:avLst/>
              <a:gdLst/>
              <a:ahLst/>
              <a:cxnLst/>
              <a:rect l="l" t="t" r="r" b="b"/>
              <a:pathLst>
                <a:path w="1112520" h="93344">
                  <a:moveTo>
                    <a:pt x="0" y="92963"/>
                  </a:moveTo>
                  <a:lnTo>
                    <a:pt x="1112520" y="92963"/>
                  </a:lnTo>
                  <a:lnTo>
                    <a:pt x="1112520" y="0"/>
                  </a:lnTo>
                  <a:lnTo>
                    <a:pt x="0" y="0"/>
                  </a:lnTo>
                  <a:lnTo>
                    <a:pt x="0" y="92963"/>
                  </a:lnTo>
                  <a:close/>
                </a:path>
              </a:pathLst>
            </a:custGeom>
            <a:ln w="12192">
              <a:solidFill>
                <a:srgbClr val="000000"/>
              </a:solidFill>
            </a:ln>
          </p:spPr>
          <p:txBody>
            <a:bodyPr wrap="square" lIns="0" tIns="0" rIns="0" bIns="0" rtlCol="0"/>
            <a:lstStyle/>
            <a:p>
              <a:endParaRPr/>
            </a:p>
          </p:txBody>
        </p:sp>
        <p:sp>
          <p:nvSpPr>
            <p:cNvPr id="18" name="object 18"/>
            <p:cNvSpPr/>
            <p:nvPr/>
          </p:nvSpPr>
          <p:spPr>
            <a:xfrm>
              <a:off x="1699260" y="2189987"/>
              <a:ext cx="45720" cy="399415"/>
            </a:xfrm>
            <a:custGeom>
              <a:avLst/>
              <a:gdLst/>
              <a:ahLst/>
              <a:cxnLst/>
              <a:rect l="l" t="t" r="r" b="b"/>
              <a:pathLst>
                <a:path w="45719" h="399414">
                  <a:moveTo>
                    <a:pt x="45719" y="0"/>
                  </a:moveTo>
                  <a:lnTo>
                    <a:pt x="0" y="0"/>
                  </a:lnTo>
                  <a:lnTo>
                    <a:pt x="0" y="399288"/>
                  </a:lnTo>
                  <a:lnTo>
                    <a:pt x="45719" y="399288"/>
                  </a:lnTo>
                  <a:lnTo>
                    <a:pt x="45719" y="0"/>
                  </a:lnTo>
                  <a:close/>
                </a:path>
              </a:pathLst>
            </a:custGeom>
            <a:solidFill>
              <a:srgbClr val="EC7C30"/>
            </a:solidFill>
          </p:spPr>
          <p:txBody>
            <a:bodyPr wrap="square" lIns="0" tIns="0" rIns="0" bIns="0" rtlCol="0"/>
            <a:lstStyle/>
            <a:p>
              <a:endParaRPr/>
            </a:p>
          </p:txBody>
        </p:sp>
        <p:sp>
          <p:nvSpPr>
            <p:cNvPr id="19" name="object 19"/>
            <p:cNvSpPr/>
            <p:nvPr/>
          </p:nvSpPr>
          <p:spPr>
            <a:xfrm>
              <a:off x="1549908" y="2189987"/>
              <a:ext cx="344805" cy="654050"/>
            </a:xfrm>
            <a:custGeom>
              <a:avLst/>
              <a:gdLst/>
              <a:ahLst/>
              <a:cxnLst/>
              <a:rect l="l" t="t" r="r" b="b"/>
              <a:pathLst>
                <a:path w="344805" h="654050">
                  <a:moveTo>
                    <a:pt x="149352" y="399288"/>
                  </a:moveTo>
                  <a:lnTo>
                    <a:pt x="195072" y="399288"/>
                  </a:lnTo>
                  <a:lnTo>
                    <a:pt x="195072" y="0"/>
                  </a:lnTo>
                  <a:lnTo>
                    <a:pt x="149352" y="0"/>
                  </a:lnTo>
                  <a:lnTo>
                    <a:pt x="149352" y="399288"/>
                  </a:lnTo>
                  <a:close/>
                </a:path>
                <a:path w="344805" h="654050">
                  <a:moveTo>
                    <a:pt x="0" y="448056"/>
                  </a:moveTo>
                  <a:lnTo>
                    <a:pt x="3232" y="432036"/>
                  </a:lnTo>
                  <a:lnTo>
                    <a:pt x="12049" y="418957"/>
                  </a:lnTo>
                  <a:lnTo>
                    <a:pt x="25128" y="410140"/>
                  </a:lnTo>
                  <a:lnTo>
                    <a:pt x="41147" y="406908"/>
                  </a:lnTo>
                  <a:lnTo>
                    <a:pt x="303275" y="406908"/>
                  </a:lnTo>
                  <a:lnTo>
                    <a:pt x="319295" y="410140"/>
                  </a:lnTo>
                  <a:lnTo>
                    <a:pt x="332374" y="418957"/>
                  </a:lnTo>
                  <a:lnTo>
                    <a:pt x="341191" y="432036"/>
                  </a:lnTo>
                  <a:lnTo>
                    <a:pt x="344423" y="448056"/>
                  </a:lnTo>
                  <a:lnTo>
                    <a:pt x="344423" y="612648"/>
                  </a:lnTo>
                  <a:lnTo>
                    <a:pt x="341191" y="628667"/>
                  </a:lnTo>
                  <a:lnTo>
                    <a:pt x="332374" y="641746"/>
                  </a:lnTo>
                  <a:lnTo>
                    <a:pt x="319295" y="650563"/>
                  </a:lnTo>
                  <a:lnTo>
                    <a:pt x="303275" y="653796"/>
                  </a:lnTo>
                  <a:lnTo>
                    <a:pt x="41147" y="653796"/>
                  </a:lnTo>
                  <a:lnTo>
                    <a:pt x="25128" y="650563"/>
                  </a:lnTo>
                  <a:lnTo>
                    <a:pt x="12049" y="641746"/>
                  </a:lnTo>
                  <a:lnTo>
                    <a:pt x="3232" y="628667"/>
                  </a:lnTo>
                  <a:lnTo>
                    <a:pt x="0" y="612648"/>
                  </a:lnTo>
                  <a:lnTo>
                    <a:pt x="0" y="448056"/>
                  </a:lnTo>
                  <a:close/>
                </a:path>
              </a:pathLst>
            </a:custGeom>
            <a:ln w="12192">
              <a:solidFill>
                <a:srgbClr val="000000"/>
              </a:solidFill>
            </a:ln>
          </p:spPr>
          <p:txBody>
            <a:bodyPr wrap="square" lIns="0" tIns="0" rIns="0" bIns="0" rtlCol="0"/>
            <a:lstStyle/>
            <a:p>
              <a:endParaRPr/>
            </a:p>
          </p:txBody>
        </p:sp>
        <p:sp>
          <p:nvSpPr>
            <p:cNvPr id="20" name="object 20"/>
            <p:cNvSpPr/>
            <p:nvPr/>
          </p:nvSpPr>
          <p:spPr>
            <a:xfrm>
              <a:off x="1510283" y="2815264"/>
              <a:ext cx="466725" cy="1740535"/>
            </a:xfrm>
            <a:custGeom>
              <a:avLst/>
              <a:gdLst/>
              <a:ahLst/>
              <a:cxnLst/>
              <a:rect l="l" t="t" r="r" b="b"/>
              <a:pathLst>
                <a:path w="466725" h="1740535">
                  <a:moveTo>
                    <a:pt x="286601" y="0"/>
                  </a:moveTo>
                  <a:lnTo>
                    <a:pt x="223969" y="351"/>
                  </a:lnTo>
                  <a:lnTo>
                    <a:pt x="156776" y="4323"/>
                  </a:lnTo>
                  <a:lnTo>
                    <a:pt x="94144" y="9930"/>
                  </a:lnTo>
                  <a:lnTo>
                    <a:pt x="19050" y="18105"/>
                  </a:lnTo>
                  <a:lnTo>
                    <a:pt x="22895" y="23720"/>
                  </a:lnTo>
                  <a:lnTo>
                    <a:pt x="26814" y="22603"/>
                  </a:lnTo>
                  <a:lnTo>
                    <a:pt x="31626" y="22267"/>
                  </a:lnTo>
                  <a:lnTo>
                    <a:pt x="59618" y="101088"/>
                  </a:lnTo>
                  <a:lnTo>
                    <a:pt x="76200" y="179014"/>
                  </a:lnTo>
                  <a:lnTo>
                    <a:pt x="83587" y="227036"/>
                  </a:lnTo>
                  <a:lnTo>
                    <a:pt x="88058" y="275344"/>
                  </a:lnTo>
                  <a:lnTo>
                    <a:pt x="91362" y="323747"/>
                  </a:lnTo>
                  <a:lnTo>
                    <a:pt x="95250" y="372054"/>
                  </a:lnTo>
                  <a:lnTo>
                    <a:pt x="57150" y="468701"/>
                  </a:lnTo>
                  <a:lnTo>
                    <a:pt x="28228" y="540548"/>
                  </a:lnTo>
                  <a:lnTo>
                    <a:pt x="20573" y="560678"/>
                  </a:lnTo>
                  <a:lnTo>
                    <a:pt x="15976" y="576245"/>
                  </a:lnTo>
                  <a:lnTo>
                    <a:pt x="13327" y="591724"/>
                  </a:lnTo>
                  <a:lnTo>
                    <a:pt x="11514" y="611590"/>
                  </a:lnTo>
                  <a:lnTo>
                    <a:pt x="9429" y="640319"/>
                  </a:lnTo>
                  <a:lnTo>
                    <a:pt x="5961" y="682383"/>
                  </a:lnTo>
                  <a:lnTo>
                    <a:pt x="0" y="742259"/>
                  </a:lnTo>
                  <a:lnTo>
                    <a:pt x="8620" y="798727"/>
                  </a:lnTo>
                  <a:lnTo>
                    <a:pt x="19050" y="854908"/>
                  </a:lnTo>
                  <a:lnTo>
                    <a:pt x="33319" y="891109"/>
                  </a:lnTo>
                  <a:lnTo>
                    <a:pt x="38100" y="903168"/>
                  </a:lnTo>
                  <a:lnTo>
                    <a:pt x="43183" y="919158"/>
                  </a:lnTo>
                  <a:lnTo>
                    <a:pt x="57150" y="967557"/>
                  </a:lnTo>
                  <a:lnTo>
                    <a:pt x="86852" y="1003149"/>
                  </a:lnTo>
                  <a:lnTo>
                    <a:pt x="111960" y="1034744"/>
                  </a:lnTo>
                  <a:lnTo>
                    <a:pt x="139432" y="1075636"/>
                  </a:lnTo>
                  <a:lnTo>
                    <a:pt x="147992" y="1100135"/>
                  </a:lnTo>
                  <a:lnTo>
                    <a:pt x="152272" y="1112337"/>
                  </a:lnTo>
                  <a:lnTo>
                    <a:pt x="166971" y="1120003"/>
                  </a:lnTo>
                  <a:lnTo>
                    <a:pt x="181943" y="1127371"/>
                  </a:lnTo>
                  <a:lnTo>
                    <a:pt x="196367" y="1135287"/>
                  </a:lnTo>
                  <a:lnTo>
                    <a:pt x="209422" y="1144595"/>
                  </a:lnTo>
                  <a:lnTo>
                    <a:pt x="237033" y="1171767"/>
                  </a:lnTo>
                  <a:lnTo>
                    <a:pt x="246856" y="1190522"/>
                  </a:lnTo>
                  <a:lnTo>
                    <a:pt x="252249" y="1210443"/>
                  </a:lnTo>
                  <a:lnTo>
                    <a:pt x="266572" y="1241115"/>
                  </a:lnTo>
                  <a:lnTo>
                    <a:pt x="290309" y="1274973"/>
                  </a:lnTo>
                  <a:lnTo>
                    <a:pt x="307359" y="1291877"/>
                  </a:lnTo>
                  <a:lnTo>
                    <a:pt x="320147" y="1306330"/>
                  </a:lnTo>
                  <a:lnTo>
                    <a:pt x="342646" y="1385895"/>
                  </a:lnTo>
                  <a:lnTo>
                    <a:pt x="351585" y="1437369"/>
                  </a:lnTo>
                  <a:lnTo>
                    <a:pt x="358808" y="1481134"/>
                  </a:lnTo>
                  <a:lnTo>
                    <a:pt x="368690" y="1547877"/>
                  </a:lnTo>
                  <a:lnTo>
                    <a:pt x="373471" y="1590805"/>
                  </a:lnTo>
                  <a:lnTo>
                    <a:pt x="374327" y="1614598"/>
                  </a:lnTo>
                  <a:lnTo>
                    <a:pt x="373652" y="1620782"/>
                  </a:lnTo>
                  <a:lnTo>
                    <a:pt x="372437" y="1623937"/>
                  </a:lnTo>
                  <a:lnTo>
                    <a:pt x="370830" y="1624649"/>
                  </a:lnTo>
                  <a:lnTo>
                    <a:pt x="368979" y="1623503"/>
                  </a:lnTo>
                  <a:lnTo>
                    <a:pt x="367029" y="1621083"/>
                  </a:lnTo>
                  <a:lnTo>
                    <a:pt x="365130" y="1617976"/>
                  </a:lnTo>
                  <a:lnTo>
                    <a:pt x="361201" y="1610374"/>
                  </a:lnTo>
                  <a:lnTo>
                    <a:pt x="360972" y="1610365"/>
                  </a:lnTo>
                  <a:lnTo>
                    <a:pt x="399796" y="1739971"/>
                  </a:lnTo>
                  <a:lnTo>
                    <a:pt x="408749" y="1699617"/>
                  </a:lnTo>
                  <a:lnTo>
                    <a:pt x="413440" y="1679464"/>
                  </a:lnTo>
                  <a:lnTo>
                    <a:pt x="418846" y="1659453"/>
                  </a:lnTo>
                  <a:lnTo>
                    <a:pt x="423662" y="1647394"/>
                  </a:lnTo>
                  <a:lnTo>
                    <a:pt x="429656" y="1635561"/>
                  </a:lnTo>
                  <a:lnTo>
                    <a:pt x="435008" y="1623610"/>
                  </a:lnTo>
                  <a:lnTo>
                    <a:pt x="437896" y="1611193"/>
                  </a:lnTo>
                  <a:lnTo>
                    <a:pt x="444426" y="1534290"/>
                  </a:lnTo>
                  <a:lnTo>
                    <a:pt x="450252" y="1470640"/>
                  </a:lnTo>
                  <a:lnTo>
                    <a:pt x="462751" y="1341505"/>
                  </a:lnTo>
                  <a:lnTo>
                    <a:pt x="465008" y="1313167"/>
                  </a:lnTo>
                  <a:lnTo>
                    <a:pt x="466185" y="1289232"/>
                  </a:lnTo>
                  <a:lnTo>
                    <a:pt x="466207" y="1267932"/>
                  </a:lnTo>
                  <a:lnTo>
                    <a:pt x="465000" y="1247496"/>
                  </a:lnTo>
                  <a:lnTo>
                    <a:pt x="458597" y="1202137"/>
                  </a:lnTo>
                  <a:lnTo>
                    <a:pt x="437896" y="1096335"/>
                  </a:lnTo>
                  <a:lnTo>
                    <a:pt x="410124" y="1059509"/>
                  </a:lnTo>
                  <a:lnTo>
                    <a:pt x="371393" y="1022562"/>
                  </a:lnTo>
                  <a:lnTo>
                    <a:pt x="346408" y="1002879"/>
                  </a:lnTo>
                  <a:lnTo>
                    <a:pt x="324304" y="981601"/>
                  </a:lnTo>
                  <a:lnTo>
                    <a:pt x="304546" y="951428"/>
                  </a:lnTo>
                  <a:lnTo>
                    <a:pt x="298696" y="935653"/>
                  </a:lnTo>
                  <a:lnTo>
                    <a:pt x="291472" y="902815"/>
                  </a:lnTo>
                  <a:lnTo>
                    <a:pt x="285622" y="887039"/>
                  </a:lnTo>
                  <a:lnTo>
                    <a:pt x="276294" y="874695"/>
                  </a:lnTo>
                  <a:lnTo>
                    <a:pt x="264334" y="863433"/>
                  </a:lnTo>
                  <a:lnTo>
                    <a:pt x="253493" y="851910"/>
                  </a:lnTo>
                  <a:lnTo>
                    <a:pt x="240864" y="788108"/>
                  </a:lnTo>
                  <a:lnTo>
                    <a:pt x="236713" y="737231"/>
                  </a:lnTo>
                  <a:lnTo>
                    <a:pt x="234235" y="686221"/>
                  </a:lnTo>
                  <a:lnTo>
                    <a:pt x="230951" y="584080"/>
                  </a:lnTo>
                  <a:lnTo>
                    <a:pt x="228472" y="533090"/>
                  </a:lnTo>
                  <a:lnTo>
                    <a:pt x="304546" y="339923"/>
                  </a:lnTo>
                  <a:lnTo>
                    <a:pt x="309737" y="323915"/>
                  </a:lnTo>
                  <a:lnTo>
                    <a:pt x="318690" y="291614"/>
                  </a:lnTo>
                  <a:lnTo>
                    <a:pt x="323596" y="275534"/>
                  </a:lnTo>
                  <a:lnTo>
                    <a:pt x="339585" y="234505"/>
                  </a:lnTo>
                  <a:lnTo>
                    <a:pt x="357660" y="191521"/>
                  </a:lnTo>
                  <a:lnTo>
                    <a:pt x="373364" y="147487"/>
                  </a:lnTo>
                  <a:lnTo>
                    <a:pt x="382241" y="103304"/>
                  </a:lnTo>
                  <a:lnTo>
                    <a:pt x="379837" y="59875"/>
                  </a:lnTo>
                  <a:lnTo>
                    <a:pt x="361696" y="18105"/>
                  </a:lnTo>
                  <a:lnTo>
                    <a:pt x="335551" y="5256"/>
                  </a:lnTo>
                  <a:lnTo>
                    <a:pt x="286601" y="0"/>
                  </a:lnTo>
                  <a:close/>
                </a:path>
              </a:pathLst>
            </a:custGeom>
            <a:solidFill>
              <a:srgbClr val="FFFFFF"/>
            </a:solidFill>
          </p:spPr>
          <p:txBody>
            <a:bodyPr wrap="square" lIns="0" tIns="0" rIns="0" bIns="0" rtlCol="0"/>
            <a:lstStyle/>
            <a:p>
              <a:endParaRPr/>
            </a:p>
          </p:txBody>
        </p:sp>
        <p:sp>
          <p:nvSpPr>
            <p:cNvPr id="21" name="object 21"/>
            <p:cNvSpPr/>
            <p:nvPr/>
          </p:nvSpPr>
          <p:spPr>
            <a:xfrm>
              <a:off x="1510283" y="2815264"/>
              <a:ext cx="466725" cy="1740535"/>
            </a:xfrm>
            <a:custGeom>
              <a:avLst/>
              <a:gdLst/>
              <a:ahLst/>
              <a:cxnLst/>
              <a:rect l="l" t="t" r="r" b="b"/>
              <a:pathLst>
                <a:path w="466725" h="1740535">
                  <a:moveTo>
                    <a:pt x="19050" y="18105"/>
                  </a:moveTo>
                  <a:lnTo>
                    <a:pt x="45194" y="15186"/>
                  </a:lnTo>
                  <a:lnTo>
                    <a:pt x="94144" y="9930"/>
                  </a:lnTo>
                  <a:lnTo>
                    <a:pt x="156776" y="4323"/>
                  </a:lnTo>
                  <a:lnTo>
                    <a:pt x="223969" y="351"/>
                  </a:lnTo>
                  <a:lnTo>
                    <a:pt x="286601" y="0"/>
                  </a:lnTo>
                  <a:lnTo>
                    <a:pt x="335551" y="5256"/>
                  </a:lnTo>
                  <a:lnTo>
                    <a:pt x="361696" y="18105"/>
                  </a:lnTo>
                  <a:lnTo>
                    <a:pt x="379837" y="59875"/>
                  </a:lnTo>
                  <a:lnTo>
                    <a:pt x="382241" y="103304"/>
                  </a:lnTo>
                  <a:lnTo>
                    <a:pt x="373364" y="147487"/>
                  </a:lnTo>
                  <a:lnTo>
                    <a:pt x="357660" y="191521"/>
                  </a:lnTo>
                  <a:lnTo>
                    <a:pt x="339585" y="234505"/>
                  </a:lnTo>
                  <a:lnTo>
                    <a:pt x="323596" y="275534"/>
                  </a:lnTo>
                  <a:lnTo>
                    <a:pt x="318690" y="291614"/>
                  </a:lnTo>
                  <a:lnTo>
                    <a:pt x="314261" y="307776"/>
                  </a:lnTo>
                  <a:lnTo>
                    <a:pt x="309737" y="323915"/>
                  </a:lnTo>
                  <a:lnTo>
                    <a:pt x="304546" y="339923"/>
                  </a:lnTo>
                  <a:lnTo>
                    <a:pt x="247522" y="484703"/>
                  </a:lnTo>
                  <a:lnTo>
                    <a:pt x="228472" y="533090"/>
                  </a:lnTo>
                  <a:lnTo>
                    <a:pt x="230951" y="584080"/>
                  </a:lnTo>
                  <a:lnTo>
                    <a:pt x="232593" y="635147"/>
                  </a:lnTo>
                  <a:lnTo>
                    <a:pt x="234235" y="686221"/>
                  </a:lnTo>
                  <a:lnTo>
                    <a:pt x="236713" y="737231"/>
                  </a:lnTo>
                  <a:lnTo>
                    <a:pt x="240864" y="788108"/>
                  </a:lnTo>
                  <a:lnTo>
                    <a:pt x="247522" y="838779"/>
                  </a:lnTo>
                  <a:lnTo>
                    <a:pt x="276294" y="874695"/>
                  </a:lnTo>
                  <a:lnTo>
                    <a:pt x="285622" y="887039"/>
                  </a:lnTo>
                  <a:lnTo>
                    <a:pt x="291472" y="902815"/>
                  </a:lnTo>
                  <a:lnTo>
                    <a:pt x="295084" y="919234"/>
                  </a:lnTo>
                  <a:lnTo>
                    <a:pt x="298696" y="935653"/>
                  </a:lnTo>
                  <a:lnTo>
                    <a:pt x="304546" y="951428"/>
                  </a:lnTo>
                  <a:lnTo>
                    <a:pt x="324304" y="981601"/>
                  </a:lnTo>
                  <a:lnTo>
                    <a:pt x="346408" y="1002879"/>
                  </a:lnTo>
                  <a:lnTo>
                    <a:pt x="371393" y="1022562"/>
                  </a:lnTo>
                  <a:lnTo>
                    <a:pt x="399796" y="1047948"/>
                  </a:lnTo>
                  <a:lnTo>
                    <a:pt x="410124" y="1059509"/>
                  </a:lnTo>
                  <a:lnTo>
                    <a:pt x="419560" y="1071666"/>
                  </a:lnTo>
                  <a:lnTo>
                    <a:pt x="428638" y="1084060"/>
                  </a:lnTo>
                  <a:lnTo>
                    <a:pt x="437896" y="1096335"/>
                  </a:lnTo>
                  <a:lnTo>
                    <a:pt x="446376" y="1138997"/>
                  </a:lnTo>
                  <a:lnTo>
                    <a:pt x="458597" y="1202137"/>
                  </a:lnTo>
                  <a:lnTo>
                    <a:pt x="465000" y="1247496"/>
                  </a:lnTo>
                  <a:lnTo>
                    <a:pt x="466207" y="1267932"/>
                  </a:lnTo>
                  <a:lnTo>
                    <a:pt x="466185" y="1289232"/>
                  </a:lnTo>
                  <a:lnTo>
                    <a:pt x="465008" y="1313167"/>
                  </a:lnTo>
                  <a:lnTo>
                    <a:pt x="462751" y="1341505"/>
                  </a:lnTo>
                  <a:lnTo>
                    <a:pt x="459489" y="1376017"/>
                  </a:lnTo>
                  <a:lnTo>
                    <a:pt x="455298" y="1418472"/>
                  </a:lnTo>
                  <a:lnTo>
                    <a:pt x="450252" y="1470640"/>
                  </a:lnTo>
                  <a:lnTo>
                    <a:pt x="444426" y="1534290"/>
                  </a:lnTo>
                  <a:lnTo>
                    <a:pt x="437896" y="1611193"/>
                  </a:lnTo>
                  <a:lnTo>
                    <a:pt x="435008" y="1623610"/>
                  </a:lnTo>
                  <a:lnTo>
                    <a:pt x="429656" y="1635561"/>
                  </a:lnTo>
                  <a:lnTo>
                    <a:pt x="423662" y="1647394"/>
                  </a:lnTo>
                  <a:lnTo>
                    <a:pt x="418846" y="1659453"/>
                  </a:lnTo>
                  <a:lnTo>
                    <a:pt x="413440" y="1679464"/>
                  </a:lnTo>
                  <a:lnTo>
                    <a:pt x="408749" y="1699617"/>
                  </a:lnTo>
                  <a:lnTo>
                    <a:pt x="404344" y="1719818"/>
                  </a:lnTo>
                  <a:lnTo>
                    <a:pt x="399796" y="1739971"/>
                  </a:lnTo>
                  <a:lnTo>
                    <a:pt x="381253" y="1677765"/>
                  </a:lnTo>
                  <a:lnTo>
                    <a:pt x="369386" y="1638548"/>
                  </a:lnTo>
                  <a:lnTo>
                    <a:pt x="365589" y="1626099"/>
                  </a:lnTo>
                  <a:lnTo>
                    <a:pt x="363019" y="1617642"/>
                  </a:lnTo>
                  <a:lnTo>
                    <a:pt x="361529" y="1612592"/>
                  </a:lnTo>
                  <a:lnTo>
                    <a:pt x="360972" y="1610365"/>
                  </a:lnTo>
                  <a:lnTo>
                    <a:pt x="361201" y="1610374"/>
                  </a:lnTo>
                  <a:lnTo>
                    <a:pt x="362068" y="1612036"/>
                  </a:lnTo>
                  <a:lnTo>
                    <a:pt x="363427" y="1614765"/>
                  </a:lnTo>
                  <a:lnTo>
                    <a:pt x="365130" y="1617976"/>
                  </a:lnTo>
                  <a:lnTo>
                    <a:pt x="367029" y="1621083"/>
                  </a:lnTo>
                  <a:lnTo>
                    <a:pt x="368979" y="1623503"/>
                  </a:lnTo>
                  <a:lnTo>
                    <a:pt x="370830" y="1624649"/>
                  </a:lnTo>
                  <a:lnTo>
                    <a:pt x="372437" y="1623937"/>
                  </a:lnTo>
                  <a:lnTo>
                    <a:pt x="373652" y="1620782"/>
                  </a:lnTo>
                  <a:lnTo>
                    <a:pt x="374327" y="1614598"/>
                  </a:lnTo>
                  <a:lnTo>
                    <a:pt x="374316" y="1604801"/>
                  </a:lnTo>
                  <a:lnTo>
                    <a:pt x="368690" y="1547877"/>
                  </a:lnTo>
                  <a:lnTo>
                    <a:pt x="358808" y="1481134"/>
                  </a:lnTo>
                  <a:lnTo>
                    <a:pt x="351585" y="1437369"/>
                  </a:lnTo>
                  <a:lnTo>
                    <a:pt x="342646" y="1385895"/>
                  </a:lnTo>
                  <a:lnTo>
                    <a:pt x="331101" y="1332836"/>
                  </a:lnTo>
                  <a:lnTo>
                    <a:pt x="307359" y="1291877"/>
                  </a:lnTo>
                  <a:lnTo>
                    <a:pt x="290309" y="1274973"/>
                  </a:lnTo>
                  <a:lnTo>
                    <a:pt x="266572" y="1241115"/>
                  </a:lnTo>
                  <a:lnTo>
                    <a:pt x="252249" y="1210443"/>
                  </a:lnTo>
                  <a:lnTo>
                    <a:pt x="246856" y="1190522"/>
                  </a:lnTo>
                  <a:lnTo>
                    <a:pt x="237033" y="1171767"/>
                  </a:lnTo>
                  <a:lnTo>
                    <a:pt x="209422" y="1144595"/>
                  </a:lnTo>
                  <a:lnTo>
                    <a:pt x="196367" y="1135287"/>
                  </a:lnTo>
                  <a:lnTo>
                    <a:pt x="181943" y="1127371"/>
                  </a:lnTo>
                  <a:lnTo>
                    <a:pt x="166971" y="1120003"/>
                  </a:lnTo>
                  <a:lnTo>
                    <a:pt x="152272" y="1112337"/>
                  </a:lnTo>
                  <a:lnTo>
                    <a:pt x="147992" y="1100135"/>
                  </a:lnTo>
                  <a:lnTo>
                    <a:pt x="144033" y="1087779"/>
                  </a:lnTo>
                  <a:lnTo>
                    <a:pt x="139432" y="1075636"/>
                  </a:lnTo>
                  <a:lnTo>
                    <a:pt x="111960" y="1034744"/>
                  </a:lnTo>
                  <a:lnTo>
                    <a:pt x="86852" y="1003149"/>
                  </a:lnTo>
                  <a:lnTo>
                    <a:pt x="57150" y="967557"/>
                  </a:lnTo>
                  <a:lnTo>
                    <a:pt x="52494" y="951424"/>
                  </a:lnTo>
                  <a:lnTo>
                    <a:pt x="38100" y="903168"/>
                  </a:lnTo>
                  <a:lnTo>
                    <a:pt x="27955" y="879181"/>
                  </a:lnTo>
                  <a:lnTo>
                    <a:pt x="22901" y="867182"/>
                  </a:lnTo>
                  <a:lnTo>
                    <a:pt x="19050" y="854908"/>
                  </a:lnTo>
                  <a:lnTo>
                    <a:pt x="13269" y="826895"/>
                  </a:lnTo>
                  <a:lnTo>
                    <a:pt x="8620" y="798727"/>
                  </a:lnTo>
                  <a:lnTo>
                    <a:pt x="4423" y="770487"/>
                  </a:lnTo>
                  <a:lnTo>
                    <a:pt x="0" y="742259"/>
                  </a:lnTo>
                  <a:lnTo>
                    <a:pt x="5961" y="682383"/>
                  </a:lnTo>
                  <a:lnTo>
                    <a:pt x="9429" y="640319"/>
                  </a:lnTo>
                  <a:lnTo>
                    <a:pt x="11514" y="611590"/>
                  </a:lnTo>
                  <a:lnTo>
                    <a:pt x="13327" y="591724"/>
                  </a:lnTo>
                  <a:lnTo>
                    <a:pt x="15976" y="576245"/>
                  </a:lnTo>
                  <a:lnTo>
                    <a:pt x="20573" y="560678"/>
                  </a:lnTo>
                  <a:lnTo>
                    <a:pt x="28228" y="540548"/>
                  </a:lnTo>
                  <a:lnTo>
                    <a:pt x="40050" y="511381"/>
                  </a:lnTo>
                  <a:lnTo>
                    <a:pt x="57150" y="468701"/>
                  </a:lnTo>
                  <a:lnTo>
                    <a:pt x="76200" y="420441"/>
                  </a:lnTo>
                  <a:lnTo>
                    <a:pt x="95250" y="372054"/>
                  </a:lnTo>
                  <a:lnTo>
                    <a:pt x="91362" y="323747"/>
                  </a:lnTo>
                  <a:lnTo>
                    <a:pt x="88058" y="275344"/>
                  </a:lnTo>
                  <a:lnTo>
                    <a:pt x="83587" y="227036"/>
                  </a:lnTo>
                  <a:lnTo>
                    <a:pt x="76200" y="179014"/>
                  </a:lnTo>
                  <a:lnTo>
                    <a:pt x="59618" y="101088"/>
                  </a:lnTo>
                  <a:lnTo>
                    <a:pt x="47208" y="53997"/>
                  </a:lnTo>
                  <a:lnTo>
                    <a:pt x="31626" y="22267"/>
                  </a:lnTo>
                  <a:lnTo>
                    <a:pt x="26814" y="22603"/>
                  </a:lnTo>
                  <a:lnTo>
                    <a:pt x="22895" y="23720"/>
                  </a:lnTo>
                  <a:lnTo>
                    <a:pt x="19050" y="18105"/>
                  </a:lnTo>
                  <a:close/>
                </a:path>
              </a:pathLst>
            </a:custGeom>
            <a:ln w="12192">
              <a:solidFill>
                <a:srgbClr val="000000"/>
              </a:solidFill>
            </a:ln>
          </p:spPr>
          <p:txBody>
            <a:bodyPr wrap="square" lIns="0" tIns="0" rIns="0" bIns="0" rtlCol="0"/>
            <a:lstStyle/>
            <a:p>
              <a:endParaRPr/>
            </a:p>
          </p:txBody>
        </p:sp>
        <p:sp>
          <p:nvSpPr>
            <p:cNvPr id="22" name="object 22"/>
            <p:cNvSpPr/>
            <p:nvPr/>
          </p:nvSpPr>
          <p:spPr>
            <a:xfrm>
              <a:off x="2016252" y="2567939"/>
              <a:ext cx="230504" cy="559435"/>
            </a:xfrm>
            <a:custGeom>
              <a:avLst/>
              <a:gdLst/>
              <a:ahLst/>
              <a:cxnLst/>
              <a:rect l="l" t="t" r="r" b="b"/>
              <a:pathLst>
                <a:path w="230505" h="559435">
                  <a:moveTo>
                    <a:pt x="172593" y="0"/>
                  </a:moveTo>
                  <a:lnTo>
                    <a:pt x="57531" y="0"/>
                  </a:lnTo>
                  <a:lnTo>
                    <a:pt x="57531" y="444246"/>
                  </a:lnTo>
                  <a:lnTo>
                    <a:pt x="0" y="444246"/>
                  </a:lnTo>
                  <a:lnTo>
                    <a:pt x="115062" y="559308"/>
                  </a:lnTo>
                  <a:lnTo>
                    <a:pt x="230124" y="444246"/>
                  </a:lnTo>
                  <a:lnTo>
                    <a:pt x="172593" y="444246"/>
                  </a:lnTo>
                  <a:lnTo>
                    <a:pt x="172593" y="0"/>
                  </a:lnTo>
                  <a:close/>
                </a:path>
              </a:pathLst>
            </a:custGeom>
            <a:solidFill>
              <a:srgbClr val="FF0000"/>
            </a:solidFill>
          </p:spPr>
          <p:txBody>
            <a:bodyPr wrap="square" lIns="0" tIns="0" rIns="0" bIns="0" rtlCol="0"/>
            <a:lstStyle/>
            <a:p>
              <a:endParaRPr/>
            </a:p>
          </p:txBody>
        </p:sp>
      </p:grpSp>
      <p:sp>
        <p:nvSpPr>
          <p:cNvPr id="23" name="object 23"/>
          <p:cNvSpPr txBox="1"/>
          <p:nvPr/>
        </p:nvSpPr>
        <p:spPr>
          <a:xfrm>
            <a:off x="3762501" y="2669540"/>
            <a:ext cx="483234" cy="299720"/>
          </a:xfrm>
          <a:prstGeom prst="rect">
            <a:avLst/>
          </a:prstGeom>
        </p:spPr>
        <p:txBody>
          <a:bodyPr vert="horz" wrap="square" lIns="0" tIns="12700" rIns="0" bIns="0" rtlCol="0">
            <a:spAutoFit/>
          </a:bodyPr>
          <a:lstStyle/>
          <a:p>
            <a:pPr marL="12700">
              <a:spcBef>
                <a:spcPts val="100"/>
              </a:spcBef>
            </a:pPr>
            <a:r>
              <a:rPr b="1" spc="-25" dirty="0">
                <a:latin typeface="メイリオ"/>
                <a:cs typeface="メイリオ"/>
              </a:rPr>
              <a:t>入力</a:t>
            </a:r>
            <a:endParaRPr>
              <a:latin typeface="メイリオ"/>
              <a:cs typeface="メイリオ"/>
            </a:endParaRPr>
          </a:p>
        </p:txBody>
      </p:sp>
      <p:grpSp>
        <p:nvGrpSpPr>
          <p:cNvPr id="24" name="object 24"/>
          <p:cNvGrpSpPr/>
          <p:nvPr/>
        </p:nvGrpSpPr>
        <p:grpSpPr>
          <a:xfrm>
            <a:off x="3067811" y="2968689"/>
            <a:ext cx="402590" cy="1356995"/>
            <a:chOff x="1543811" y="2968688"/>
            <a:chExt cx="402590" cy="1356995"/>
          </a:xfrm>
        </p:grpSpPr>
        <p:pic>
          <p:nvPicPr>
            <p:cNvPr id="25" name="object 25"/>
            <p:cNvPicPr/>
            <p:nvPr/>
          </p:nvPicPr>
          <p:blipFill>
            <a:blip r:embed="rId3" cstate="print"/>
            <a:stretch>
              <a:fillRect/>
            </a:stretch>
          </p:blipFill>
          <p:spPr>
            <a:xfrm>
              <a:off x="1853183" y="3896868"/>
              <a:ext cx="85344" cy="170687"/>
            </a:xfrm>
            <a:prstGeom prst="rect">
              <a:avLst/>
            </a:prstGeom>
          </p:spPr>
        </p:pic>
        <p:pic>
          <p:nvPicPr>
            <p:cNvPr id="26" name="object 26"/>
            <p:cNvPicPr/>
            <p:nvPr/>
          </p:nvPicPr>
          <p:blipFill>
            <a:blip r:embed="rId4" cstate="print"/>
            <a:stretch>
              <a:fillRect/>
            </a:stretch>
          </p:blipFill>
          <p:spPr>
            <a:xfrm>
              <a:off x="1860803" y="4155948"/>
              <a:ext cx="85344" cy="169163"/>
            </a:xfrm>
            <a:prstGeom prst="rect">
              <a:avLst/>
            </a:prstGeom>
          </p:spPr>
        </p:pic>
        <p:pic>
          <p:nvPicPr>
            <p:cNvPr id="27" name="object 27"/>
            <p:cNvPicPr/>
            <p:nvPr/>
          </p:nvPicPr>
          <p:blipFill>
            <a:blip r:embed="rId4" cstate="print"/>
            <a:stretch>
              <a:fillRect/>
            </a:stretch>
          </p:blipFill>
          <p:spPr>
            <a:xfrm>
              <a:off x="1641347" y="3732276"/>
              <a:ext cx="85343" cy="169164"/>
            </a:xfrm>
            <a:prstGeom prst="rect">
              <a:avLst/>
            </a:prstGeom>
          </p:spPr>
        </p:pic>
        <p:pic>
          <p:nvPicPr>
            <p:cNvPr id="28" name="object 28"/>
            <p:cNvPicPr/>
            <p:nvPr/>
          </p:nvPicPr>
          <p:blipFill>
            <a:blip r:embed="rId5" cstate="print"/>
            <a:stretch>
              <a:fillRect/>
            </a:stretch>
          </p:blipFill>
          <p:spPr>
            <a:xfrm>
              <a:off x="1543811" y="3386328"/>
              <a:ext cx="85343" cy="169163"/>
            </a:xfrm>
            <a:prstGeom prst="rect">
              <a:avLst/>
            </a:prstGeom>
          </p:spPr>
        </p:pic>
        <p:pic>
          <p:nvPicPr>
            <p:cNvPr id="29" name="object 29"/>
            <p:cNvPicPr/>
            <p:nvPr/>
          </p:nvPicPr>
          <p:blipFill>
            <a:blip r:embed="rId3" cstate="print"/>
            <a:stretch>
              <a:fillRect/>
            </a:stretch>
          </p:blipFill>
          <p:spPr>
            <a:xfrm>
              <a:off x="1600199" y="2976372"/>
              <a:ext cx="85343" cy="170687"/>
            </a:xfrm>
            <a:prstGeom prst="rect">
              <a:avLst/>
            </a:prstGeom>
          </p:spPr>
        </p:pic>
        <p:sp>
          <p:nvSpPr>
            <p:cNvPr id="30" name="object 30"/>
            <p:cNvSpPr/>
            <p:nvPr/>
          </p:nvSpPr>
          <p:spPr>
            <a:xfrm>
              <a:off x="1783079" y="2970276"/>
              <a:ext cx="45720" cy="166370"/>
            </a:xfrm>
            <a:custGeom>
              <a:avLst/>
              <a:gdLst/>
              <a:ahLst/>
              <a:cxnLst/>
              <a:rect l="l" t="t" r="r" b="b"/>
              <a:pathLst>
                <a:path w="45719" h="166369">
                  <a:moveTo>
                    <a:pt x="22859" y="0"/>
                  </a:moveTo>
                  <a:lnTo>
                    <a:pt x="13983" y="6530"/>
                  </a:lnTo>
                  <a:lnTo>
                    <a:pt x="6715" y="24336"/>
                  </a:lnTo>
                  <a:lnTo>
                    <a:pt x="1803" y="50738"/>
                  </a:lnTo>
                  <a:lnTo>
                    <a:pt x="0" y="83058"/>
                  </a:lnTo>
                  <a:lnTo>
                    <a:pt x="1803" y="115377"/>
                  </a:lnTo>
                  <a:lnTo>
                    <a:pt x="6715" y="141779"/>
                  </a:lnTo>
                  <a:lnTo>
                    <a:pt x="13983" y="159585"/>
                  </a:lnTo>
                  <a:lnTo>
                    <a:pt x="22859" y="166115"/>
                  </a:lnTo>
                  <a:lnTo>
                    <a:pt x="31736" y="159585"/>
                  </a:lnTo>
                  <a:lnTo>
                    <a:pt x="39004" y="141779"/>
                  </a:lnTo>
                  <a:lnTo>
                    <a:pt x="43916" y="115377"/>
                  </a:lnTo>
                  <a:lnTo>
                    <a:pt x="45719" y="83058"/>
                  </a:lnTo>
                  <a:lnTo>
                    <a:pt x="43916" y="50738"/>
                  </a:lnTo>
                  <a:lnTo>
                    <a:pt x="39004" y="24336"/>
                  </a:lnTo>
                  <a:lnTo>
                    <a:pt x="31736" y="6530"/>
                  </a:lnTo>
                  <a:lnTo>
                    <a:pt x="22859" y="0"/>
                  </a:lnTo>
                  <a:close/>
                </a:path>
              </a:pathLst>
            </a:custGeom>
            <a:solidFill>
              <a:srgbClr val="F4B083"/>
            </a:solidFill>
          </p:spPr>
          <p:txBody>
            <a:bodyPr wrap="square" lIns="0" tIns="0" rIns="0" bIns="0" rtlCol="0"/>
            <a:lstStyle/>
            <a:p>
              <a:endParaRPr/>
            </a:p>
          </p:txBody>
        </p:sp>
        <p:sp>
          <p:nvSpPr>
            <p:cNvPr id="31" name="object 31"/>
            <p:cNvSpPr/>
            <p:nvPr/>
          </p:nvSpPr>
          <p:spPr>
            <a:xfrm>
              <a:off x="1783079" y="2970276"/>
              <a:ext cx="45720" cy="166370"/>
            </a:xfrm>
            <a:custGeom>
              <a:avLst/>
              <a:gdLst/>
              <a:ahLst/>
              <a:cxnLst/>
              <a:rect l="l" t="t" r="r" b="b"/>
              <a:pathLst>
                <a:path w="45719" h="166369">
                  <a:moveTo>
                    <a:pt x="0" y="83058"/>
                  </a:moveTo>
                  <a:lnTo>
                    <a:pt x="1803" y="50738"/>
                  </a:lnTo>
                  <a:lnTo>
                    <a:pt x="6715" y="24336"/>
                  </a:lnTo>
                  <a:lnTo>
                    <a:pt x="13983" y="6530"/>
                  </a:lnTo>
                  <a:lnTo>
                    <a:pt x="22859" y="0"/>
                  </a:lnTo>
                  <a:lnTo>
                    <a:pt x="31736" y="6530"/>
                  </a:lnTo>
                  <a:lnTo>
                    <a:pt x="39004" y="24336"/>
                  </a:lnTo>
                  <a:lnTo>
                    <a:pt x="43916" y="50738"/>
                  </a:lnTo>
                  <a:lnTo>
                    <a:pt x="45719" y="83058"/>
                  </a:lnTo>
                  <a:lnTo>
                    <a:pt x="43916" y="115377"/>
                  </a:lnTo>
                  <a:lnTo>
                    <a:pt x="39004" y="141779"/>
                  </a:lnTo>
                  <a:lnTo>
                    <a:pt x="31736" y="159585"/>
                  </a:lnTo>
                  <a:lnTo>
                    <a:pt x="22859" y="166115"/>
                  </a:lnTo>
                  <a:lnTo>
                    <a:pt x="13983" y="159585"/>
                  </a:lnTo>
                  <a:lnTo>
                    <a:pt x="6715" y="141779"/>
                  </a:lnTo>
                  <a:lnTo>
                    <a:pt x="1803" y="115377"/>
                  </a:lnTo>
                  <a:lnTo>
                    <a:pt x="0" y="83058"/>
                  </a:lnTo>
                  <a:close/>
                </a:path>
              </a:pathLst>
            </a:custGeom>
            <a:ln w="3175">
              <a:solidFill>
                <a:srgbClr val="000000"/>
              </a:solidFill>
            </a:ln>
          </p:spPr>
          <p:txBody>
            <a:bodyPr wrap="square" lIns="0" tIns="0" rIns="0" bIns="0" rtlCol="0"/>
            <a:lstStyle/>
            <a:p>
              <a:endParaRPr/>
            </a:p>
          </p:txBody>
        </p:sp>
        <p:sp>
          <p:nvSpPr>
            <p:cNvPr id="32" name="object 32"/>
            <p:cNvSpPr/>
            <p:nvPr/>
          </p:nvSpPr>
          <p:spPr>
            <a:xfrm>
              <a:off x="1699259" y="3355848"/>
              <a:ext cx="45720" cy="166370"/>
            </a:xfrm>
            <a:custGeom>
              <a:avLst/>
              <a:gdLst/>
              <a:ahLst/>
              <a:cxnLst/>
              <a:rect l="l" t="t" r="r" b="b"/>
              <a:pathLst>
                <a:path w="45719" h="166370">
                  <a:moveTo>
                    <a:pt x="22859" y="0"/>
                  </a:moveTo>
                  <a:lnTo>
                    <a:pt x="13983" y="6530"/>
                  </a:lnTo>
                  <a:lnTo>
                    <a:pt x="6715" y="24336"/>
                  </a:lnTo>
                  <a:lnTo>
                    <a:pt x="1803" y="50738"/>
                  </a:lnTo>
                  <a:lnTo>
                    <a:pt x="0" y="83057"/>
                  </a:lnTo>
                  <a:lnTo>
                    <a:pt x="1803" y="115377"/>
                  </a:lnTo>
                  <a:lnTo>
                    <a:pt x="6715" y="141779"/>
                  </a:lnTo>
                  <a:lnTo>
                    <a:pt x="13983" y="159585"/>
                  </a:lnTo>
                  <a:lnTo>
                    <a:pt x="22859" y="166115"/>
                  </a:lnTo>
                  <a:lnTo>
                    <a:pt x="31736" y="159585"/>
                  </a:lnTo>
                  <a:lnTo>
                    <a:pt x="39004" y="141779"/>
                  </a:lnTo>
                  <a:lnTo>
                    <a:pt x="43916" y="115377"/>
                  </a:lnTo>
                  <a:lnTo>
                    <a:pt x="45719" y="83057"/>
                  </a:lnTo>
                  <a:lnTo>
                    <a:pt x="43916" y="50738"/>
                  </a:lnTo>
                  <a:lnTo>
                    <a:pt x="39004" y="24336"/>
                  </a:lnTo>
                  <a:lnTo>
                    <a:pt x="31736" y="6530"/>
                  </a:lnTo>
                  <a:lnTo>
                    <a:pt x="22859" y="0"/>
                  </a:lnTo>
                  <a:close/>
                </a:path>
              </a:pathLst>
            </a:custGeom>
            <a:solidFill>
              <a:srgbClr val="F4B083"/>
            </a:solidFill>
          </p:spPr>
          <p:txBody>
            <a:bodyPr wrap="square" lIns="0" tIns="0" rIns="0" bIns="0" rtlCol="0"/>
            <a:lstStyle/>
            <a:p>
              <a:endParaRPr/>
            </a:p>
          </p:txBody>
        </p:sp>
        <p:sp>
          <p:nvSpPr>
            <p:cNvPr id="33" name="object 33"/>
            <p:cNvSpPr/>
            <p:nvPr/>
          </p:nvSpPr>
          <p:spPr>
            <a:xfrm>
              <a:off x="1699259" y="3355848"/>
              <a:ext cx="45720" cy="166370"/>
            </a:xfrm>
            <a:custGeom>
              <a:avLst/>
              <a:gdLst/>
              <a:ahLst/>
              <a:cxnLst/>
              <a:rect l="l" t="t" r="r" b="b"/>
              <a:pathLst>
                <a:path w="45719" h="166370">
                  <a:moveTo>
                    <a:pt x="0" y="83057"/>
                  </a:moveTo>
                  <a:lnTo>
                    <a:pt x="1803" y="50738"/>
                  </a:lnTo>
                  <a:lnTo>
                    <a:pt x="6715" y="24336"/>
                  </a:lnTo>
                  <a:lnTo>
                    <a:pt x="13983" y="6530"/>
                  </a:lnTo>
                  <a:lnTo>
                    <a:pt x="22859" y="0"/>
                  </a:lnTo>
                  <a:lnTo>
                    <a:pt x="31736" y="6530"/>
                  </a:lnTo>
                  <a:lnTo>
                    <a:pt x="39004" y="24336"/>
                  </a:lnTo>
                  <a:lnTo>
                    <a:pt x="43916" y="50738"/>
                  </a:lnTo>
                  <a:lnTo>
                    <a:pt x="45719" y="83057"/>
                  </a:lnTo>
                  <a:lnTo>
                    <a:pt x="43916" y="115377"/>
                  </a:lnTo>
                  <a:lnTo>
                    <a:pt x="39004" y="141779"/>
                  </a:lnTo>
                  <a:lnTo>
                    <a:pt x="31736" y="159585"/>
                  </a:lnTo>
                  <a:lnTo>
                    <a:pt x="22859" y="166115"/>
                  </a:lnTo>
                  <a:lnTo>
                    <a:pt x="13983" y="159585"/>
                  </a:lnTo>
                  <a:lnTo>
                    <a:pt x="6715" y="141779"/>
                  </a:lnTo>
                  <a:lnTo>
                    <a:pt x="1803" y="115377"/>
                  </a:lnTo>
                  <a:lnTo>
                    <a:pt x="0" y="83057"/>
                  </a:lnTo>
                  <a:close/>
                </a:path>
              </a:pathLst>
            </a:custGeom>
            <a:ln w="3175">
              <a:solidFill>
                <a:srgbClr val="000000"/>
              </a:solidFill>
            </a:ln>
          </p:spPr>
          <p:txBody>
            <a:bodyPr wrap="square" lIns="0" tIns="0" rIns="0" bIns="0" rtlCol="0"/>
            <a:lstStyle/>
            <a:p>
              <a:endParaRPr/>
            </a:p>
          </p:txBody>
        </p:sp>
      </p:grpSp>
      <p:sp>
        <p:nvSpPr>
          <p:cNvPr id="34" name="object 34"/>
          <p:cNvSpPr txBox="1"/>
          <p:nvPr/>
        </p:nvSpPr>
        <p:spPr>
          <a:xfrm>
            <a:off x="3465958" y="3577844"/>
            <a:ext cx="866775" cy="182742"/>
          </a:xfrm>
          <a:prstGeom prst="rect">
            <a:avLst/>
          </a:prstGeom>
        </p:spPr>
        <p:txBody>
          <a:bodyPr vert="horz" wrap="square" lIns="0" tIns="13335" rIns="0" bIns="0" rtlCol="0">
            <a:spAutoFit/>
          </a:bodyPr>
          <a:lstStyle/>
          <a:p>
            <a:pPr marL="12700">
              <a:spcBef>
                <a:spcPts val="105"/>
              </a:spcBef>
            </a:pPr>
            <a:r>
              <a:rPr sz="1100" b="1" spc="-10" dirty="0">
                <a:latin typeface="メイリオ"/>
                <a:cs typeface="メイリオ"/>
              </a:rPr>
              <a:t>ひずみセンサ</a:t>
            </a:r>
            <a:endParaRPr sz="1100">
              <a:latin typeface="メイリオ"/>
              <a:cs typeface="メイリオ"/>
            </a:endParaRPr>
          </a:p>
        </p:txBody>
      </p:sp>
      <p:sp>
        <p:nvSpPr>
          <p:cNvPr id="35" name="object 35"/>
          <p:cNvSpPr/>
          <p:nvPr/>
        </p:nvSpPr>
        <p:spPr>
          <a:xfrm>
            <a:off x="3425189" y="3782822"/>
            <a:ext cx="381000" cy="156845"/>
          </a:xfrm>
          <a:custGeom>
            <a:avLst/>
            <a:gdLst/>
            <a:ahLst/>
            <a:cxnLst/>
            <a:rect l="l" t="t" r="r" b="b"/>
            <a:pathLst>
              <a:path w="381000" h="156845">
                <a:moveTo>
                  <a:pt x="307193" y="29714"/>
                </a:moveTo>
                <a:lnTo>
                  <a:pt x="0" y="145033"/>
                </a:lnTo>
                <a:lnTo>
                  <a:pt x="4572" y="156844"/>
                </a:lnTo>
                <a:lnTo>
                  <a:pt x="311644" y="41570"/>
                </a:lnTo>
                <a:lnTo>
                  <a:pt x="307193" y="29714"/>
                </a:lnTo>
                <a:close/>
              </a:path>
              <a:path w="381000" h="156845">
                <a:moveTo>
                  <a:pt x="365561" y="25272"/>
                </a:moveTo>
                <a:lnTo>
                  <a:pt x="319024" y="25272"/>
                </a:lnTo>
                <a:lnTo>
                  <a:pt x="323596" y="37083"/>
                </a:lnTo>
                <a:lnTo>
                  <a:pt x="311644" y="41570"/>
                </a:lnTo>
                <a:lnTo>
                  <a:pt x="322834" y="71373"/>
                </a:lnTo>
                <a:lnTo>
                  <a:pt x="365561" y="25272"/>
                </a:lnTo>
                <a:close/>
              </a:path>
              <a:path w="381000" h="156845">
                <a:moveTo>
                  <a:pt x="319024" y="25272"/>
                </a:moveTo>
                <a:lnTo>
                  <a:pt x="307193" y="29714"/>
                </a:lnTo>
                <a:lnTo>
                  <a:pt x="311644" y="41570"/>
                </a:lnTo>
                <a:lnTo>
                  <a:pt x="323596" y="37083"/>
                </a:lnTo>
                <a:lnTo>
                  <a:pt x="319024" y="25272"/>
                </a:lnTo>
                <a:close/>
              </a:path>
              <a:path w="381000" h="156845">
                <a:moveTo>
                  <a:pt x="296037" y="0"/>
                </a:moveTo>
                <a:lnTo>
                  <a:pt x="307193" y="29714"/>
                </a:lnTo>
                <a:lnTo>
                  <a:pt x="319024" y="25272"/>
                </a:lnTo>
                <a:lnTo>
                  <a:pt x="365561" y="25272"/>
                </a:lnTo>
                <a:lnTo>
                  <a:pt x="380746" y="8889"/>
                </a:lnTo>
                <a:lnTo>
                  <a:pt x="296037" y="0"/>
                </a:lnTo>
                <a:close/>
              </a:path>
            </a:pathLst>
          </a:custGeom>
          <a:solidFill>
            <a:srgbClr val="000000"/>
          </a:solidFill>
        </p:spPr>
        <p:txBody>
          <a:bodyPr wrap="square" lIns="0" tIns="0" rIns="0" bIns="0" rtlCol="0"/>
          <a:lstStyle/>
          <a:p>
            <a:endParaRPr/>
          </a:p>
        </p:txBody>
      </p:sp>
      <p:sp>
        <p:nvSpPr>
          <p:cNvPr id="36" name="object 36"/>
          <p:cNvSpPr txBox="1"/>
          <p:nvPr/>
        </p:nvSpPr>
        <p:spPr>
          <a:xfrm>
            <a:off x="2559508" y="2530857"/>
            <a:ext cx="446405" cy="361315"/>
          </a:xfrm>
          <a:prstGeom prst="rect">
            <a:avLst/>
          </a:prstGeom>
        </p:spPr>
        <p:txBody>
          <a:bodyPr vert="horz" wrap="square" lIns="0" tIns="13335" rIns="0" bIns="0" rtlCol="0">
            <a:spAutoFit/>
          </a:bodyPr>
          <a:lstStyle/>
          <a:p>
            <a:pPr marL="12700" marR="5080">
              <a:spcBef>
                <a:spcPts val="105"/>
              </a:spcBef>
            </a:pPr>
            <a:r>
              <a:rPr sz="1100" b="1" spc="-20" dirty="0">
                <a:latin typeface="メイリオ"/>
                <a:cs typeface="メイリオ"/>
              </a:rPr>
              <a:t>サーボモータ</a:t>
            </a:r>
            <a:endParaRPr sz="1100">
              <a:latin typeface="メイリオ"/>
              <a:cs typeface="メイリオ"/>
            </a:endParaRPr>
          </a:p>
        </p:txBody>
      </p:sp>
      <p:sp>
        <p:nvSpPr>
          <p:cNvPr id="39" name="正方形/長方形 38">
            <a:extLst>
              <a:ext uri="{FF2B5EF4-FFF2-40B4-BE49-F238E27FC236}">
                <a16:creationId xmlns:a16="http://schemas.microsoft.com/office/drawing/2014/main" id="{2BC23796-7B34-6644-42D8-C36C70F9F8A9}"/>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タコの足を利用したモーション制御</a:t>
            </a:r>
          </a:p>
        </p:txBody>
      </p:sp>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a:extLst>
              <a:ext uri="{FF2B5EF4-FFF2-40B4-BE49-F238E27FC236}">
                <a16:creationId xmlns:a16="http://schemas.microsoft.com/office/drawing/2014/main" id="{E1189D91-C3FA-7F94-44CB-1E9338A73D7F}"/>
              </a:ext>
            </a:extLst>
          </p:cNvPr>
          <p:cNvSpPr txBox="1"/>
          <p:nvPr/>
        </p:nvSpPr>
        <p:spPr>
          <a:xfrm>
            <a:off x="389021" y="1166842"/>
            <a:ext cx="11594432" cy="4524315"/>
          </a:xfrm>
          <a:prstGeom prst="rect">
            <a:avLst/>
          </a:prstGeom>
          <a:noFill/>
        </p:spPr>
        <p:txBody>
          <a:bodyPr wrap="square">
            <a:spAutoFit/>
          </a:bodyPr>
          <a:lstStyle/>
          <a:p>
            <a:pPr algn="l"/>
            <a:r>
              <a:rPr lang="ja-JP" altLang="en-US" b="0" i="0" dirty="0">
                <a:solidFill>
                  <a:srgbClr val="333333"/>
                </a:solidFill>
                <a:effectLst/>
                <a:latin typeface="BIZ UDPゴシック" panose="020B0400000000000000" pitchFamily="50" charset="-128"/>
                <a:ea typeface="BIZ UDPゴシック" panose="020B0400000000000000" pitchFamily="50" charset="-128"/>
              </a:rPr>
              <a:t>それは先へ行くほど細くなる</a:t>
            </a:r>
            <a:r>
              <a:rPr lang="en-US" altLang="ja-JP" b="0" i="0" dirty="0">
                <a:solidFill>
                  <a:srgbClr val="333333"/>
                </a:solidFill>
                <a:effectLst/>
                <a:latin typeface="BIZ UDPゴシック" panose="020B0400000000000000" pitchFamily="50" charset="-128"/>
                <a:ea typeface="BIZ UDPゴシック" panose="020B0400000000000000" pitchFamily="50" charset="-128"/>
              </a:rPr>
              <a:t>40</a:t>
            </a:r>
            <a:r>
              <a:rPr lang="ja-JP" altLang="en-US" b="0" i="0" dirty="0">
                <a:solidFill>
                  <a:srgbClr val="333333"/>
                </a:solidFill>
                <a:effectLst/>
                <a:latin typeface="BIZ UDPゴシック" panose="020B0400000000000000" pitchFamily="50" charset="-128"/>
                <a:ea typeface="BIZ UDPゴシック" panose="020B0400000000000000" pitchFamily="50" charset="-128"/>
              </a:rPr>
              <a:t>センチほどの白く細長い物体で，巨大なタコの足だと言われれば，確かにそんな形と感触だった。両端をつかんで持ち上げると，軟らかくカーブを描いて垂れ下がる。「</a:t>
            </a:r>
            <a:r>
              <a:rPr lang="en-US" altLang="ja-JP" b="0" i="0" dirty="0">
                <a:solidFill>
                  <a:srgbClr val="333333"/>
                </a:solidFill>
                <a:effectLst/>
                <a:latin typeface="BIZ UDPゴシック" panose="020B0400000000000000" pitchFamily="50" charset="-128"/>
                <a:ea typeface="BIZ UDPゴシック" panose="020B0400000000000000" pitchFamily="50" charset="-128"/>
              </a:rPr>
              <a:t>3D</a:t>
            </a:r>
            <a:r>
              <a:rPr lang="ja-JP" altLang="en-US" b="0" i="0" dirty="0">
                <a:solidFill>
                  <a:srgbClr val="333333"/>
                </a:solidFill>
                <a:effectLst/>
                <a:latin typeface="BIZ UDPゴシック" panose="020B0400000000000000" pitchFamily="50" charset="-128"/>
                <a:ea typeface="BIZ UDPゴシック" panose="020B0400000000000000" pitchFamily="50" charset="-128"/>
              </a:rPr>
              <a:t>プリンターを使って，高分子材料のシリコーンで作りました」と東京大学特任准教授の中嶋浩平は話した。</a:t>
            </a:r>
            <a:endParaRPr lang="en-US" altLang="ja-JP" b="0" i="0" dirty="0">
              <a:solidFill>
                <a:srgbClr val="333333"/>
              </a:solidFill>
              <a:effectLst/>
              <a:latin typeface="BIZ UDPゴシック" panose="020B0400000000000000" pitchFamily="50" charset="-128"/>
              <a:ea typeface="BIZ UDPゴシック" panose="020B0400000000000000" pitchFamily="50" charset="-128"/>
            </a:endParaRPr>
          </a:p>
          <a:p>
            <a:pPr algn="l"/>
            <a:endParaRPr lang="ja-JP" altLang="en-US" b="0" i="0" dirty="0">
              <a:solidFill>
                <a:srgbClr val="333333"/>
              </a:solidFill>
              <a:effectLst/>
              <a:latin typeface="BIZ UDPゴシック" panose="020B0400000000000000" pitchFamily="50" charset="-128"/>
              <a:ea typeface="BIZ UDPゴシック" panose="020B0400000000000000" pitchFamily="50" charset="-128"/>
            </a:endParaRPr>
          </a:p>
          <a:p>
            <a:pPr algn="l"/>
            <a:r>
              <a:rPr lang="ja-JP" altLang="en-US" b="0" i="0" dirty="0">
                <a:solidFill>
                  <a:srgbClr val="333333"/>
                </a:solidFill>
                <a:effectLst/>
                <a:latin typeface="BIZ UDPゴシック" panose="020B0400000000000000" pitchFamily="50" charset="-128"/>
                <a:ea typeface="BIZ UDPゴシック" panose="020B0400000000000000" pitchFamily="50" charset="-128"/>
              </a:rPr>
              <a:t>この人工タコ足を水槽の中に吊し，根元に付けたモーターでランダムに振ると，タコ足は身をくねらせ，踊るように複雑に揺れる。そして数分もすると，自らの動きから「パリティチェック」と呼ばれる基本的な非線形演算の計算方法を習得し，正しい答えをはじき出すようになる。そればかりか，機械学習の性能をチェックするのに使う非線形の学習課題のいくつかを，従来のニューラルネットを超える正確さでやってのける。タコ足の中に</a:t>
            </a:r>
            <a:r>
              <a:rPr lang="en-US" altLang="ja-JP" b="0" i="0" dirty="0">
                <a:solidFill>
                  <a:srgbClr val="333333"/>
                </a:solidFill>
                <a:effectLst/>
                <a:latin typeface="BIZ UDPゴシック" panose="020B0400000000000000" pitchFamily="50" charset="-128"/>
                <a:ea typeface="BIZ UDPゴシック" panose="020B0400000000000000" pitchFamily="50" charset="-128"/>
              </a:rPr>
              <a:t>CPU</a:t>
            </a:r>
            <a:r>
              <a:rPr lang="ja-JP" altLang="en-US" b="0" i="0" dirty="0">
                <a:solidFill>
                  <a:srgbClr val="333333"/>
                </a:solidFill>
                <a:effectLst/>
                <a:latin typeface="BIZ UDPゴシック" panose="020B0400000000000000" pitchFamily="50" charset="-128"/>
                <a:ea typeface="BIZ UDPゴシック" panose="020B0400000000000000" pitchFamily="50" charset="-128"/>
              </a:rPr>
              <a:t>が仕込まれているわけではない。このクニャクニャしたタコ足そのものが，学習に必要な演算を蓄積する「リザバー（貯水槽）」なのだ。</a:t>
            </a:r>
            <a:endParaRPr lang="en-US" altLang="ja-JP" b="0" i="0" dirty="0">
              <a:solidFill>
                <a:srgbClr val="333333"/>
              </a:solidFill>
              <a:effectLst/>
              <a:latin typeface="BIZ UDPゴシック" panose="020B0400000000000000" pitchFamily="50" charset="-128"/>
              <a:ea typeface="BIZ UDPゴシック" panose="020B0400000000000000" pitchFamily="50" charset="-128"/>
            </a:endParaRPr>
          </a:p>
          <a:p>
            <a:pPr algn="l"/>
            <a:endParaRPr lang="ja-JP" altLang="en-US" b="0" i="0" dirty="0">
              <a:solidFill>
                <a:srgbClr val="333333"/>
              </a:solidFill>
              <a:effectLst/>
              <a:latin typeface="BIZ UDPゴシック" panose="020B0400000000000000" pitchFamily="50" charset="-128"/>
              <a:ea typeface="BIZ UDPゴシック" panose="020B0400000000000000" pitchFamily="50" charset="-128"/>
            </a:endParaRPr>
          </a:p>
          <a:p>
            <a:pPr algn="l"/>
            <a:r>
              <a:rPr lang="ja-JP" altLang="en-US" b="0" i="0" dirty="0">
                <a:solidFill>
                  <a:srgbClr val="333333"/>
                </a:solidFill>
                <a:effectLst/>
                <a:latin typeface="BIZ UDPゴシック" panose="020B0400000000000000" pitchFamily="50" charset="-128"/>
                <a:ea typeface="BIZ UDPゴシック" panose="020B0400000000000000" pitchFamily="50" charset="-128"/>
              </a:rPr>
              <a:t>タコ足などの物理系に様々な非線形応答を起こし，その中から目的にあったものを引き出して組み合わせることで答えを得る。「リザバーコンピューティング」と呼ばれる計算方法で，近年，機械学習を実装する新たな方式として注目を集めている。</a:t>
            </a:r>
            <a:endParaRPr lang="en-US" altLang="ja-JP" b="0" i="0" dirty="0">
              <a:solidFill>
                <a:srgbClr val="333333"/>
              </a:solidFill>
              <a:effectLst/>
              <a:latin typeface="BIZ UDPゴシック" panose="020B0400000000000000" pitchFamily="50" charset="-128"/>
              <a:ea typeface="BIZ UDPゴシック" panose="020B0400000000000000" pitchFamily="50" charset="-128"/>
            </a:endParaRPr>
          </a:p>
          <a:p>
            <a:pPr algn="l"/>
            <a:r>
              <a:rPr lang="ja-JP" altLang="en-US" b="0" i="0" dirty="0">
                <a:solidFill>
                  <a:srgbClr val="333333"/>
                </a:solidFill>
                <a:effectLst/>
                <a:latin typeface="BIZ UDPゴシック" panose="020B0400000000000000" pitchFamily="50" charset="-128"/>
                <a:ea typeface="BIZ UDPゴシック" panose="020B0400000000000000" pitchFamily="50" charset="-128"/>
              </a:rPr>
              <a:t>それは，生物の体，さらには物体そのものが持つ計算能力を利用する計算方法で，これまで見過ごされてきた脳と体，計算能力と物理系のつながりをあぶり出す。機械学習の性能向上だけでなく，生物や物質を理解する新たな見方を開くことにつながるかもしれない。</a:t>
            </a:r>
          </a:p>
        </p:txBody>
      </p:sp>
    </p:spTree>
    <p:extLst>
      <p:ext uri="{BB962C8B-B14F-4D97-AF65-F5344CB8AC3E}">
        <p14:creationId xmlns:p14="http://schemas.microsoft.com/office/powerpoint/2010/main" val="329888889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Shape 2">
            <a:extLst>
              <a:ext uri="{FF2B5EF4-FFF2-40B4-BE49-F238E27FC236}">
                <a16:creationId xmlns:a16="http://schemas.microsoft.com/office/drawing/2014/main" id="{72936C08-99DA-C63F-AF69-76B8AA380243}"/>
              </a:ext>
            </a:extLst>
          </p:cNvPr>
          <p:cNvSpPr txBox="1"/>
          <p:nvPr/>
        </p:nvSpPr>
        <p:spPr>
          <a:xfrm>
            <a:off x="925282" y="6506254"/>
            <a:ext cx="8254800" cy="231120"/>
          </a:xfrm>
          <a:prstGeom prst="rect">
            <a:avLst/>
          </a:prstGeom>
          <a:noFill/>
          <a:ln>
            <a:noFill/>
          </a:ln>
        </p:spPr>
        <p:txBody>
          <a:bodyPr lIns="90000" tIns="45000" rIns="90000" bIns="45000"/>
          <a:lstStyle/>
          <a:p>
            <a:r>
              <a:rPr lang="en-US" sz="900" b="0" i="1" strike="noStrike" spc="-1" dirty="0">
                <a:latin typeface="Arial"/>
              </a:rPr>
              <a:t>Neuron</a:t>
            </a:r>
            <a:r>
              <a:rPr lang="en-US" sz="900" b="0" strike="noStrike" spc="-1" dirty="0">
                <a:latin typeface="Arial"/>
              </a:rPr>
              <a:t> DOI: (10.1016/j.neuron.2022.09.001) </a:t>
            </a:r>
          </a:p>
        </p:txBody>
      </p:sp>
      <p:sp>
        <p:nvSpPr>
          <p:cNvPr id="4" name="TextShape 3">
            <a:extLst>
              <a:ext uri="{FF2B5EF4-FFF2-40B4-BE49-F238E27FC236}">
                <a16:creationId xmlns:a16="http://schemas.microsoft.com/office/drawing/2014/main" id="{B02DF617-FD1A-A23B-BEFF-86ADDFA0E540}"/>
              </a:ext>
            </a:extLst>
          </p:cNvPr>
          <p:cNvSpPr txBox="1"/>
          <p:nvPr/>
        </p:nvSpPr>
        <p:spPr>
          <a:xfrm>
            <a:off x="952560" y="6624000"/>
            <a:ext cx="5556240" cy="231120"/>
          </a:xfrm>
          <a:prstGeom prst="rect">
            <a:avLst/>
          </a:prstGeom>
          <a:noFill/>
          <a:ln>
            <a:noFill/>
          </a:ln>
        </p:spPr>
        <p:txBody>
          <a:bodyPr lIns="90000" tIns="46800" rIns="90000" bIns="46800" anchor="ctr"/>
          <a:lstStyle/>
          <a:p>
            <a:r>
              <a:rPr lang="en-US" sz="900" b="0" strike="noStrike" spc="-1" dirty="0">
                <a:latin typeface="Arial"/>
              </a:rPr>
              <a:t>Copyright © 2022 The Author(s)</a:t>
            </a:r>
            <a:r>
              <a:rPr lang="en-US" sz="900" b="0" strike="noStrike" spc="-1" dirty="0">
                <a:latin typeface="Arial"/>
                <a:hlinkClick r:id="rId2">
                  <a:extLst>
                    <a:ext uri="{A12FA001-AC4F-418D-AE19-62706E023703}">
                      <ahyp:hlinkClr xmlns:ahyp="http://schemas.microsoft.com/office/drawing/2018/hyperlinkcolor" val="tx"/>
                    </a:ext>
                  </a:extLst>
                </a:hlinkClick>
              </a:rPr>
              <a:t> Terms and Conditions</a:t>
            </a:r>
            <a:endParaRPr lang="en-US" sz="900" b="0" strike="noStrike" spc="-1" dirty="0">
              <a:latin typeface="Arial"/>
            </a:endParaRPr>
          </a:p>
        </p:txBody>
      </p:sp>
      <p:pic>
        <p:nvPicPr>
          <p:cNvPr id="5" name="Logo">
            <a:extLst>
              <a:ext uri="{FF2B5EF4-FFF2-40B4-BE49-F238E27FC236}">
                <a16:creationId xmlns:a16="http://schemas.microsoft.com/office/drawing/2014/main" id="{02E0775D-7ACB-D32C-9A25-CFD99FF2B90B}"/>
              </a:ext>
            </a:extLst>
          </p:cNvPr>
          <p:cNvPicPr/>
          <p:nvPr/>
        </p:nvPicPr>
        <p:blipFill>
          <a:blip r:embed="rId3"/>
          <a:stretch/>
        </p:blipFill>
        <p:spPr>
          <a:xfrm>
            <a:off x="244440" y="6302340"/>
            <a:ext cx="708120" cy="496440"/>
          </a:xfrm>
          <a:prstGeom prst="rect">
            <a:avLst/>
          </a:prstGeom>
          <a:ln>
            <a:noFill/>
          </a:ln>
        </p:spPr>
      </p:pic>
      <p:sp>
        <p:nvSpPr>
          <p:cNvPr id="8" name="テキスト ボックス 7">
            <a:extLst>
              <a:ext uri="{FF2B5EF4-FFF2-40B4-BE49-F238E27FC236}">
                <a16:creationId xmlns:a16="http://schemas.microsoft.com/office/drawing/2014/main" id="{7CF8729E-F2E0-AB98-738A-B507E1AEDD76}"/>
              </a:ext>
            </a:extLst>
          </p:cNvPr>
          <p:cNvSpPr txBox="1"/>
          <p:nvPr/>
        </p:nvSpPr>
        <p:spPr>
          <a:xfrm>
            <a:off x="0" y="888490"/>
            <a:ext cx="12192000" cy="261610"/>
          </a:xfrm>
          <a:prstGeom prst="rect">
            <a:avLst/>
          </a:prstGeom>
          <a:noFill/>
        </p:spPr>
        <p:txBody>
          <a:bodyPr wrap="square">
            <a:spAutoFit/>
          </a:bodyPr>
          <a:lstStyle/>
          <a:p>
            <a:pPr algn="ctr"/>
            <a:r>
              <a:rPr lang="en-US" altLang="ja-JP" sz="1050" dirty="0">
                <a:solidFill>
                  <a:srgbClr val="C00000"/>
                </a:solidFill>
                <a:latin typeface="Amasis MT Pro Medium" panose="02040604050005020304" pitchFamily="18" charset="0"/>
              </a:rPr>
              <a:t>https://www.cell.com/neuron/fulltext/S0896-6273(22)00806-6?_returnURL=https%3A%2F%2Flinkinghub.elsevier.com%2Fretrieve%2Fpii%2FS0896627322008066%3Fshowall%3Dtrue#</a:t>
            </a:r>
            <a:endParaRPr lang="ja-JP" altLang="en-US" sz="1050" dirty="0">
              <a:solidFill>
                <a:srgbClr val="C00000"/>
              </a:solidFill>
              <a:latin typeface="Amasis MT Pro Medium" panose="02040604050005020304" pitchFamily="18" charset="0"/>
            </a:endParaRPr>
          </a:p>
        </p:txBody>
      </p:sp>
      <p:sp>
        <p:nvSpPr>
          <p:cNvPr id="12" name="テキスト ボックス 11">
            <a:extLst>
              <a:ext uri="{FF2B5EF4-FFF2-40B4-BE49-F238E27FC236}">
                <a16:creationId xmlns:a16="http://schemas.microsoft.com/office/drawing/2014/main" id="{EF386872-99ED-7561-5C66-C950069C4029}"/>
              </a:ext>
            </a:extLst>
          </p:cNvPr>
          <p:cNvSpPr txBox="1"/>
          <p:nvPr/>
        </p:nvSpPr>
        <p:spPr>
          <a:xfrm>
            <a:off x="-1" y="619362"/>
            <a:ext cx="12191999" cy="400110"/>
          </a:xfrm>
          <a:prstGeom prst="rect">
            <a:avLst/>
          </a:prstGeom>
          <a:noFill/>
        </p:spPr>
        <p:txBody>
          <a:bodyPr wrap="square">
            <a:spAutoFit/>
          </a:bodyPr>
          <a:lstStyle/>
          <a:p>
            <a:pPr algn="ctr"/>
            <a:r>
              <a:rPr lang="en-US" altLang="ja-JP" sz="2000" b="0" i="1" dirty="0">
                <a:effectLst/>
                <a:latin typeface="Franklin Gothic Heavy" panose="020B0903020102020204" pitchFamily="34" charset="0"/>
              </a:rPr>
              <a:t>In vitro</a:t>
            </a:r>
            <a:r>
              <a:rPr lang="en-US" altLang="ja-JP" sz="2000" b="0" i="0" dirty="0">
                <a:effectLst/>
                <a:latin typeface="Franklin Gothic Heavy" panose="020B0903020102020204" pitchFamily="34" charset="0"/>
              </a:rPr>
              <a:t> neurons learn and exhibit sentience when embodied in a simulated game-world</a:t>
            </a:r>
          </a:p>
        </p:txBody>
      </p:sp>
      <p:pic>
        <p:nvPicPr>
          <p:cNvPr id="14" name="図 13">
            <a:extLst>
              <a:ext uri="{FF2B5EF4-FFF2-40B4-BE49-F238E27FC236}">
                <a16:creationId xmlns:a16="http://schemas.microsoft.com/office/drawing/2014/main" id="{2B75CC4B-045A-B230-D3F6-5713BA675592}"/>
              </a:ext>
            </a:extLst>
          </p:cNvPr>
          <p:cNvPicPr>
            <a:picLocks noChangeAspect="1"/>
          </p:cNvPicPr>
          <p:nvPr/>
        </p:nvPicPr>
        <p:blipFill>
          <a:blip r:embed="rId4"/>
          <a:stretch>
            <a:fillRect/>
          </a:stretch>
        </p:blipFill>
        <p:spPr>
          <a:xfrm>
            <a:off x="0" y="1595120"/>
            <a:ext cx="12227307" cy="3839572"/>
          </a:xfrm>
          <a:prstGeom prst="rect">
            <a:avLst/>
          </a:prstGeom>
        </p:spPr>
      </p:pic>
      <p:sp>
        <p:nvSpPr>
          <p:cNvPr id="2" name="正方形/長方形 1">
            <a:extLst>
              <a:ext uri="{FF2B5EF4-FFF2-40B4-BE49-F238E27FC236}">
                <a16:creationId xmlns:a16="http://schemas.microsoft.com/office/drawing/2014/main" id="{296FC4CE-CC9C-CAF3-1D96-4D6DA0DA04AD}"/>
              </a:ext>
            </a:extLst>
          </p:cNvPr>
          <p:cNvSpPr/>
          <p:nvPr/>
        </p:nvSpPr>
        <p:spPr>
          <a:xfrm>
            <a:off x="0" y="-442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r>
              <a:rPr kumimoji="1" lang="ja-JP" altLang="en-US" sz="2400" dirty="0">
                <a:solidFill>
                  <a:schemeClr val="bg1"/>
                </a:solidFill>
                <a:latin typeface="BIZ UDPゴシック" panose="020B0400000000000000" pitchFamily="50" charset="-128"/>
                <a:ea typeface="BIZ UDPゴシック" panose="020B0400000000000000" pitchFamily="50" charset="-128"/>
              </a:rPr>
              <a:t>オルガノイド</a:t>
            </a:r>
          </a:p>
        </p:txBody>
      </p:sp>
    </p:spTree>
    <p:extLst>
      <p:ext uri="{BB962C8B-B14F-4D97-AF65-F5344CB8AC3E}">
        <p14:creationId xmlns:p14="http://schemas.microsoft.com/office/powerpoint/2010/main" val="162858961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descr="培養脳でコンピューター 神経細胞で音声認識に成功、米インディアナ大学 - 日本経済新聞">
            <a:extLst>
              <a:ext uri="{FF2B5EF4-FFF2-40B4-BE49-F238E27FC236}">
                <a16:creationId xmlns:a16="http://schemas.microsoft.com/office/drawing/2014/main" id="{4FFC7534-857B-182A-4427-251A5FCBCA0F}"/>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24764" y="273315"/>
            <a:ext cx="4205286" cy="6598924"/>
          </a:xfrm>
          <a:prstGeom prst="rect">
            <a:avLst/>
          </a:prstGeom>
          <a:noFill/>
          <a:extLst>
            <a:ext uri="{909E8E84-426E-40DD-AFC4-6F175D3DCCD1}">
              <a14:hiddenFill xmlns:a14="http://schemas.microsoft.com/office/drawing/2010/main">
                <a:solidFill>
                  <a:srgbClr val="FFFFFF"/>
                </a:solidFill>
              </a14:hiddenFill>
            </a:ext>
          </a:extLst>
        </p:spPr>
      </p:pic>
      <p:sp>
        <p:nvSpPr>
          <p:cNvPr id="3" name="正方形/長方形 2">
            <a:extLst>
              <a:ext uri="{FF2B5EF4-FFF2-40B4-BE49-F238E27FC236}">
                <a16:creationId xmlns:a16="http://schemas.microsoft.com/office/drawing/2014/main" id="{F290C9FA-84E3-42BB-4F8E-51C70913A55B}"/>
              </a:ext>
            </a:extLst>
          </p:cNvPr>
          <p:cNvSpPr/>
          <p:nvPr/>
        </p:nvSpPr>
        <p:spPr>
          <a:xfrm>
            <a:off x="0" y="-4811"/>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r>
              <a:rPr kumimoji="1" lang="ja-JP" altLang="en-US" sz="2400" dirty="0">
                <a:solidFill>
                  <a:schemeClr val="bg1"/>
                </a:solidFill>
                <a:latin typeface="BIZ UDPゴシック" panose="020B0400000000000000" pitchFamily="50" charset="-128"/>
                <a:ea typeface="BIZ UDPゴシック" panose="020B0400000000000000" pitchFamily="50" charset="-128"/>
              </a:rPr>
              <a:t>培養脳コンピュータ</a:t>
            </a:r>
          </a:p>
        </p:txBody>
      </p:sp>
      <p:sp>
        <p:nvSpPr>
          <p:cNvPr id="6" name="テキスト ボックス 5">
            <a:extLst>
              <a:ext uri="{FF2B5EF4-FFF2-40B4-BE49-F238E27FC236}">
                <a16:creationId xmlns:a16="http://schemas.microsoft.com/office/drawing/2014/main" id="{E3719DD9-8432-6129-5039-2DD7D8616892}"/>
              </a:ext>
            </a:extLst>
          </p:cNvPr>
          <p:cNvSpPr txBox="1"/>
          <p:nvPr/>
        </p:nvSpPr>
        <p:spPr>
          <a:xfrm>
            <a:off x="79602" y="600822"/>
            <a:ext cx="7545162" cy="1631216"/>
          </a:xfrm>
          <a:prstGeom prst="rect">
            <a:avLst/>
          </a:prstGeom>
          <a:noFill/>
        </p:spPr>
        <p:txBody>
          <a:bodyPr wrap="square">
            <a:spAutoFit/>
          </a:bodyPr>
          <a:lstStyle/>
          <a:p>
            <a:r>
              <a:rPr lang="ja-JP" altLang="en-US" sz="2000" b="0" i="0" dirty="0">
                <a:solidFill>
                  <a:srgbClr val="333333"/>
                </a:solidFill>
                <a:effectLst/>
                <a:latin typeface="BIZ UDPゴシック" panose="020B0400000000000000" pitchFamily="50" charset="-128"/>
                <a:ea typeface="BIZ UDPゴシック" panose="020B0400000000000000" pitchFamily="50" charset="-128"/>
              </a:rPr>
              <a:t>米インディアナ大学ブルーミントン校などは、人の幹細胞から作った神経細胞を集積した「培養脳」を用いて簡易なコンピューターを開発した。従来のコンピューターより少ない電力で計算できると期待される。実用化できれば、電力消費の拡大に対応する手段の一つとなる。</a:t>
            </a:r>
            <a:endParaRPr lang="ja-JP" altLang="en-US" sz="2000" dirty="0">
              <a:latin typeface="BIZ UDPゴシック" panose="020B0400000000000000" pitchFamily="50" charset="-128"/>
              <a:ea typeface="BIZ UDPゴシック" panose="020B0400000000000000" pitchFamily="50" charset="-128"/>
            </a:endParaRPr>
          </a:p>
        </p:txBody>
      </p:sp>
      <p:pic>
        <p:nvPicPr>
          <p:cNvPr id="2052" name="Picture 4" descr="培養脳でコンピューター 神経細胞で音声認識に成功、米インディアナ大学 - 日本経済新聞">
            <a:extLst>
              <a:ext uri="{FF2B5EF4-FFF2-40B4-BE49-F238E27FC236}">
                <a16:creationId xmlns:a16="http://schemas.microsoft.com/office/drawing/2014/main" id="{848AF9ED-9C26-BE14-74D6-E2530E8CF413}"/>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06490" y="2154751"/>
            <a:ext cx="6314200" cy="461194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489903250"/>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CB91481A-8BC9-0153-45F2-A967DC5B8929}"/>
              </a:ext>
            </a:extLst>
          </p:cNvPr>
          <p:cNvSpPr/>
          <p:nvPr/>
        </p:nvSpPr>
        <p:spPr>
          <a:xfrm>
            <a:off x="0" y="0"/>
            <a:ext cx="12192000" cy="6858000"/>
          </a:xfrm>
          <a:prstGeom prst="rect">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a:extLst>
              <a:ext uri="{FF2B5EF4-FFF2-40B4-BE49-F238E27FC236}">
                <a16:creationId xmlns:a16="http://schemas.microsoft.com/office/drawing/2014/main" id="{42E70F4F-0068-BA4F-86DA-069E75A81E2D}"/>
              </a:ext>
            </a:extLst>
          </p:cNvPr>
          <p:cNvSpPr txBox="1"/>
          <p:nvPr/>
        </p:nvSpPr>
        <p:spPr>
          <a:xfrm>
            <a:off x="1" y="2295480"/>
            <a:ext cx="12191999" cy="2800767"/>
          </a:xfrm>
          <a:prstGeom prst="rect">
            <a:avLst/>
          </a:prstGeom>
          <a:noFill/>
        </p:spPr>
        <p:txBody>
          <a:bodyPr wrap="square" rtlCol="0">
            <a:spAutoFit/>
          </a:bodyPr>
          <a:lstStyle/>
          <a:p>
            <a:pPr algn="ctr"/>
            <a:r>
              <a:rPr kumimoji="1" lang="ja-JP" altLang="en-US"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ゲーミング</a:t>
            </a:r>
            <a:endParaRPr kumimoji="1" lang="en-US" altLang="ja-JP"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endParaRPr>
          </a:p>
          <a:p>
            <a:pPr algn="ctr"/>
            <a:r>
              <a:rPr lang="ja-JP" altLang="en-US"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ハイドロ</a:t>
            </a:r>
            <a:r>
              <a:rPr kumimoji="1" lang="ja-JP" altLang="en-US"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ゲル</a:t>
            </a:r>
            <a:endParaRPr kumimoji="1" lang="en-US" altLang="ja-JP"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endParaRPr>
          </a:p>
        </p:txBody>
      </p:sp>
      <p:pic>
        <p:nvPicPr>
          <p:cNvPr id="1026" name="Picture 2" descr="クラゲのキャラクター">
            <a:extLst>
              <a:ext uri="{FF2B5EF4-FFF2-40B4-BE49-F238E27FC236}">
                <a16:creationId xmlns:a16="http://schemas.microsoft.com/office/drawing/2014/main" id="{DD04689B-DD73-35BC-3788-F57667974ACC}"/>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198157" y="410246"/>
            <a:ext cx="1795686" cy="188523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31059146"/>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a:extLst>
              <a:ext uri="{FF2B5EF4-FFF2-40B4-BE49-F238E27FC236}">
                <a16:creationId xmlns:a16="http://schemas.microsoft.com/office/drawing/2014/main" id="{70281B0F-05C9-AD5C-A7EF-EF83BE93B86F}"/>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952" y="650149"/>
            <a:ext cx="7003260" cy="3939333"/>
          </a:xfrm>
          <a:prstGeom prst="rect">
            <a:avLst/>
          </a:prstGeom>
          <a:noFill/>
          <a:extLst>
            <a:ext uri="{909E8E84-426E-40DD-AFC4-6F175D3DCCD1}">
              <a14:hiddenFill xmlns:a14="http://schemas.microsoft.com/office/drawing/2010/main">
                <a:solidFill>
                  <a:srgbClr val="FFFFFF"/>
                </a:solidFill>
              </a14:hiddenFill>
            </a:ext>
          </a:extLst>
        </p:spPr>
      </p:pic>
      <p:sp>
        <p:nvSpPr>
          <p:cNvPr id="3" name="正方形/長方形 2">
            <a:extLst>
              <a:ext uri="{FF2B5EF4-FFF2-40B4-BE49-F238E27FC236}">
                <a16:creationId xmlns:a16="http://schemas.microsoft.com/office/drawing/2014/main" id="{DD490F87-FAA6-9DA0-7E7F-16E630084496}"/>
              </a:ext>
            </a:extLst>
          </p:cNvPr>
          <p:cNvSpPr/>
          <p:nvPr/>
        </p:nvSpPr>
        <p:spPr>
          <a:xfrm>
            <a:off x="0" y="14239"/>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r>
              <a:rPr kumimoji="1" lang="ja-JP" altLang="en-US" sz="2400" dirty="0">
                <a:solidFill>
                  <a:schemeClr val="bg1"/>
                </a:solidFill>
                <a:latin typeface="BIZ UDPゴシック" panose="020B0400000000000000" pitchFamily="50" charset="-128"/>
                <a:ea typeface="BIZ UDPゴシック" panose="020B0400000000000000" pitchFamily="50" charset="-128"/>
              </a:rPr>
              <a:t>ゲーミング・ゲル</a:t>
            </a:r>
          </a:p>
        </p:txBody>
      </p:sp>
      <p:sp>
        <p:nvSpPr>
          <p:cNvPr id="9" name="テキスト ボックス 8">
            <a:extLst>
              <a:ext uri="{FF2B5EF4-FFF2-40B4-BE49-F238E27FC236}">
                <a16:creationId xmlns:a16="http://schemas.microsoft.com/office/drawing/2014/main" id="{35A8C236-B4E2-0442-F425-5FD5E1ED76FD}"/>
              </a:ext>
            </a:extLst>
          </p:cNvPr>
          <p:cNvSpPr txBox="1"/>
          <p:nvPr/>
        </p:nvSpPr>
        <p:spPr>
          <a:xfrm>
            <a:off x="141269" y="4757534"/>
            <a:ext cx="11909461" cy="2031325"/>
          </a:xfrm>
          <a:prstGeom prst="rect">
            <a:avLst/>
          </a:prstGeom>
          <a:noFill/>
        </p:spPr>
        <p:txBody>
          <a:bodyPr wrap="square">
            <a:spAutoFit/>
          </a:bodyPr>
          <a:lstStyle/>
          <a:p>
            <a:r>
              <a:rPr lang="ja-JP" altLang="en-US" dirty="0">
                <a:latin typeface="BIZ UDPゴシック" panose="020B0400000000000000" pitchFamily="50" charset="-128"/>
                <a:ea typeface="BIZ UDPゴシック" panose="020B0400000000000000" pitchFamily="50" charset="-128"/>
              </a:rPr>
              <a:t>このハイドロゲルは「</a:t>
            </a:r>
            <a:r>
              <a:rPr lang="ja-JP" altLang="en-US" b="1" dirty="0">
                <a:latin typeface="BIZ UDPゴシック" panose="020B0400000000000000" pitchFamily="50" charset="-128"/>
                <a:ea typeface="BIZ UDPゴシック" panose="020B0400000000000000" pitchFamily="50" charset="-128"/>
              </a:rPr>
              <a:t>電気活性高分子（</a:t>
            </a:r>
            <a:r>
              <a:rPr lang="en-US" altLang="ja-JP" b="1" dirty="0">
                <a:latin typeface="BIZ UDPゴシック" panose="020B0400000000000000" pitchFamily="50" charset="-128"/>
                <a:ea typeface="BIZ UDPゴシック" panose="020B0400000000000000" pitchFamily="50" charset="-128"/>
              </a:rPr>
              <a:t>EAP</a:t>
            </a:r>
            <a:r>
              <a:rPr lang="ja-JP" altLang="en-US" b="1" dirty="0">
                <a:latin typeface="BIZ UDPゴシック" panose="020B0400000000000000" pitchFamily="50" charset="-128"/>
                <a:ea typeface="BIZ UDPゴシック" panose="020B0400000000000000" pitchFamily="50" charset="-128"/>
              </a:rPr>
              <a:t>）</a:t>
            </a:r>
            <a:r>
              <a:rPr lang="ja-JP" altLang="en-US" dirty="0">
                <a:latin typeface="BIZ UDPゴシック" panose="020B0400000000000000" pitchFamily="50" charset="-128"/>
                <a:ea typeface="BIZ UDPゴシック" panose="020B0400000000000000" pitchFamily="50" charset="-128"/>
              </a:rPr>
              <a:t>」で電気信号に反応する高分子のこと。</a:t>
            </a:r>
            <a:endParaRPr lang="en-US" altLang="ja-JP" dirty="0">
              <a:latin typeface="BIZ UDPゴシック" panose="020B0400000000000000" pitchFamily="50" charset="-128"/>
              <a:ea typeface="BIZ UDPゴシック" panose="020B0400000000000000" pitchFamily="50" charset="-128"/>
            </a:endParaRPr>
          </a:p>
          <a:p>
            <a:r>
              <a:rPr lang="ja-JP" altLang="en-US" dirty="0">
                <a:latin typeface="BIZ UDPゴシック" panose="020B0400000000000000" pitchFamily="50" charset="-128"/>
                <a:ea typeface="BIZ UDPゴシック" panose="020B0400000000000000" pitchFamily="50" charset="-128"/>
              </a:rPr>
              <a:t>電流が流れると内部に含まれた「イオン」（電荷を持つ粒子）が移動し、それによって形状や大きさが変わるという性質がある。こうした性質をうまく利用することで、人工筋肉として機能させることができる。例えば、今回の研究を率いたレディング大学の林 叔克氏らは以前、ハイドロゲルを心臓のペースメーカーと組み合わせ、本物の心臓のように収縮と拡張させる実験を行なっている。だが、この研究を進めるうちに面白いことがわかった。そのハイドロゲルがなんと「記憶」があるらしき振る舞いを示した。ハイドロゲルに記憶を刻みつけるには、繰り返し圧縮してやればいい。こうすると、ペースメーカーを停止させても、そのリズムに合わせて振動してくれる。</a:t>
            </a:r>
          </a:p>
        </p:txBody>
      </p:sp>
      <p:pic>
        <p:nvPicPr>
          <p:cNvPr id="10" name="Picture 4">
            <a:extLst>
              <a:ext uri="{FF2B5EF4-FFF2-40B4-BE49-F238E27FC236}">
                <a16:creationId xmlns:a16="http://schemas.microsoft.com/office/drawing/2014/main" id="{D557A7B6-62D4-E4FE-87C4-C5B6E793E554}"/>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231080" y="1731982"/>
            <a:ext cx="4819650" cy="2857500"/>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a:extLst>
              <a:ext uri="{FF2B5EF4-FFF2-40B4-BE49-F238E27FC236}">
                <a16:creationId xmlns:a16="http://schemas.microsoft.com/office/drawing/2014/main" id="{D1BC3A07-9912-6180-4283-A6E3923FFD4C}"/>
              </a:ext>
            </a:extLst>
          </p:cNvPr>
          <p:cNvSpPr txBox="1"/>
          <p:nvPr/>
        </p:nvSpPr>
        <p:spPr>
          <a:xfrm>
            <a:off x="7231080" y="783874"/>
            <a:ext cx="4593265" cy="646331"/>
          </a:xfrm>
          <a:prstGeom prst="rect">
            <a:avLst/>
          </a:prstGeom>
          <a:noFill/>
        </p:spPr>
        <p:txBody>
          <a:bodyPr wrap="square">
            <a:spAutoFit/>
          </a:bodyPr>
          <a:lstStyle/>
          <a:p>
            <a:r>
              <a:rPr lang="ja-JP" altLang="en-US" dirty="0">
                <a:latin typeface="BIZ UDPゴシック" panose="020B0400000000000000" pitchFamily="50" charset="-128"/>
                <a:ea typeface="BIZ UDPゴシック" panose="020B0400000000000000" pitchFamily="50" charset="-128"/>
              </a:rPr>
              <a:t>電気的な刺激でボールの位置を伝え、イオンの流れでパドルを操作できるようにした。</a:t>
            </a:r>
          </a:p>
        </p:txBody>
      </p:sp>
    </p:spTree>
    <p:extLst>
      <p:ext uri="{BB962C8B-B14F-4D97-AF65-F5344CB8AC3E}">
        <p14:creationId xmlns:p14="http://schemas.microsoft.com/office/powerpoint/2010/main" val="269090082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descr="導電性高分子を用いた「物理リザバー計算」による音声認識、九工大が成功 | TECH+（テックプラス）">
            <a:extLst>
              <a:ext uri="{FF2B5EF4-FFF2-40B4-BE49-F238E27FC236}">
                <a16:creationId xmlns:a16="http://schemas.microsoft.com/office/drawing/2014/main" id="{A92D522F-E377-B84E-223F-39AD44C7829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52500" y="0"/>
            <a:ext cx="10287000" cy="685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30096645"/>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a:extLst>
              <a:ext uri="{FF2B5EF4-FFF2-40B4-BE49-F238E27FC236}">
                <a16:creationId xmlns:a16="http://schemas.microsoft.com/office/drawing/2014/main" id="{2DC80139-19D3-66CA-EC73-AEBB5B38DE0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69641" y="915116"/>
            <a:ext cx="8939370" cy="5027767"/>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a:extLst>
              <a:ext uri="{FF2B5EF4-FFF2-40B4-BE49-F238E27FC236}">
                <a16:creationId xmlns:a16="http://schemas.microsoft.com/office/drawing/2014/main" id="{5976C5B5-17D3-70C0-23DD-820C9BB4D92D}"/>
              </a:ext>
            </a:extLst>
          </p:cNvPr>
          <p:cNvSpPr txBox="1"/>
          <p:nvPr/>
        </p:nvSpPr>
        <p:spPr>
          <a:xfrm>
            <a:off x="3713747" y="5810250"/>
            <a:ext cx="4251158" cy="369332"/>
          </a:xfrm>
          <a:prstGeom prst="rect">
            <a:avLst/>
          </a:prstGeom>
          <a:noFill/>
        </p:spPr>
        <p:txBody>
          <a:bodyPr wrap="square">
            <a:spAutoFit/>
          </a:bodyPr>
          <a:lstStyle/>
          <a:p>
            <a:r>
              <a:rPr lang="en-US" altLang="ja-JP" dirty="0"/>
              <a:t>https://journal.ntt.co.jp/article/18595</a:t>
            </a:r>
            <a:endParaRPr lang="ja-JP" altLang="en-US" dirty="0"/>
          </a:p>
        </p:txBody>
      </p:sp>
    </p:spTree>
    <p:extLst>
      <p:ext uri="{BB962C8B-B14F-4D97-AF65-F5344CB8AC3E}">
        <p14:creationId xmlns:p14="http://schemas.microsoft.com/office/powerpoint/2010/main" val="1111524117"/>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1588007" y="3424428"/>
            <a:ext cx="8691880" cy="3352800"/>
            <a:chOff x="64007" y="3424428"/>
            <a:chExt cx="8691880" cy="3352800"/>
          </a:xfrm>
        </p:grpSpPr>
        <p:sp>
          <p:nvSpPr>
            <p:cNvPr id="3" name="object 3"/>
            <p:cNvSpPr/>
            <p:nvPr/>
          </p:nvSpPr>
          <p:spPr>
            <a:xfrm>
              <a:off x="577595" y="4893564"/>
              <a:ext cx="3781425" cy="1884045"/>
            </a:xfrm>
            <a:custGeom>
              <a:avLst/>
              <a:gdLst/>
              <a:ahLst/>
              <a:cxnLst/>
              <a:rect l="l" t="t" r="r" b="b"/>
              <a:pathLst>
                <a:path w="3781425" h="1884045">
                  <a:moveTo>
                    <a:pt x="3781044" y="0"/>
                  </a:moveTo>
                  <a:lnTo>
                    <a:pt x="0" y="0"/>
                  </a:lnTo>
                  <a:lnTo>
                    <a:pt x="0" y="1883664"/>
                  </a:lnTo>
                  <a:lnTo>
                    <a:pt x="3781044" y="1883664"/>
                  </a:lnTo>
                  <a:lnTo>
                    <a:pt x="3781044" y="0"/>
                  </a:lnTo>
                  <a:close/>
                </a:path>
              </a:pathLst>
            </a:custGeom>
            <a:solidFill>
              <a:srgbClr val="FFF1CC"/>
            </a:solidFill>
          </p:spPr>
          <p:txBody>
            <a:bodyPr wrap="square" lIns="0" tIns="0" rIns="0" bIns="0" rtlCol="0"/>
            <a:lstStyle/>
            <a:p>
              <a:endParaRPr/>
            </a:p>
          </p:txBody>
        </p:sp>
        <p:pic>
          <p:nvPicPr>
            <p:cNvPr id="4" name="object 4"/>
            <p:cNvPicPr/>
            <p:nvPr/>
          </p:nvPicPr>
          <p:blipFill>
            <a:blip r:embed="rId2" cstate="print"/>
            <a:stretch>
              <a:fillRect/>
            </a:stretch>
          </p:blipFill>
          <p:spPr>
            <a:xfrm>
              <a:off x="64007" y="3424428"/>
              <a:ext cx="4904232" cy="1469136"/>
            </a:xfrm>
            <a:prstGeom prst="rect">
              <a:avLst/>
            </a:prstGeom>
          </p:spPr>
        </p:pic>
        <p:sp>
          <p:nvSpPr>
            <p:cNvPr id="5" name="object 5"/>
            <p:cNvSpPr/>
            <p:nvPr/>
          </p:nvSpPr>
          <p:spPr>
            <a:xfrm>
              <a:off x="3474211" y="3805428"/>
              <a:ext cx="5275580" cy="873760"/>
            </a:xfrm>
            <a:custGeom>
              <a:avLst/>
              <a:gdLst/>
              <a:ahLst/>
              <a:cxnLst/>
              <a:rect l="l" t="t" r="r" b="b"/>
              <a:pathLst>
                <a:path w="5275580" h="873760">
                  <a:moveTo>
                    <a:pt x="0" y="507492"/>
                  </a:moveTo>
                  <a:lnTo>
                    <a:pt x="1186179" y="727710"/>
                  </a:lnTo>
                  <a:lnTo>
                    <a:pt x="1193598" y="773716"/>
                  </a:lnTo>
                  <a:lnTo>
                    <a:pt x="1214258" y="813669"/>
                  </a:lnTo>
                  <a:lnTo>
                    <a:pt x="1245762" y="845173"/>
                  </a:lnTo>
                  <a:lnTo>
                    <a:pt x="1285715" y="865833"/>
                  </a:lnTo>
                  <a:lnTo>
                    <a:pt x="1331722" y="873252"/>
                  </a:lnTo>
                  <a:lnTo>
                    <a:pt x="5129530" y="873252"/>
                  </a:lnTo>
                  <a:lnTo>
                    <a:pt x="5175536" y="865833"/>
                  </a:lnTo>
                  <a:lnTo>
                    <a:pt x="5215489" y="845173"/>
                  </a:lnTo>
                  <a:lnTo>
                    <a:pt x="5246993" y="813669"/>
                  </a:lnTo>
                  <a:lnTo>
                    <a:pt x="5267653" y="773716"/>
                  </a:lnTo>
                  <a:lnTo>
                    <a:pt x="5275071" y="727710"/>
                  </a:lnTo>
                  <a:lnTo>
                    <a:pt x="5275071" y="509397"/>
                  </a:lnTo>
                  <a:lnTo>
                    <a:pt x="1186179" y="509397"/>
                  </a:lnTo>
                  <a:lnTo>
                    <a:pt x="0" y="507492"/>
                  </a:lnTo>
                  <a:close/>
                </a:path>
                <a:path w="5275580" h="873760">
                  <a:moveTo>
                    <a:pt x="5129530" y="0"/>
                  </a:moveTo>
                  <a:lnTo>
                    <a:pt x="1331722" y="0"/>
                  </a:lnTo>
                  <a:lnTo>
                    <a:pt x="1285715" y="7418"/>
                  </a:lnTo>
                  <a:lnTo>
                    <a:pt x="1245762" y="28078"/>
                  </a:lnTo>
                  <a:lnTo>
                    <a:pt x="1214258" y="59582"/>
                  </a:lnTo>
                  <a:lnTo>
                    <a:pt x="1193598" y="99535"/>
                  </a:lnTo>
                  <a:lnTo>
                    <a:pt x="1186179" y="145542"/>
                  </a:lnTo>
                  <a:lnTo>
                    <a:pt x="1186179" y="509397"/>
                  </a:lnTo>
                  <a:lnTo>
                    <a:pt x="5275071" y="509397"/>
                  </a:lnTo>
                  <a:lnTo>
                    <a:pt x="5275071" y="145542"/>
                  </a:lnTo>
                  <a:lnTo>
                    <a:pt x="5267653" y="99535"/>
                  </a:lnTo>
                  <a:lnTo>
                    <a:pt x="5246993" y="59582"/>
                  </a:lnTo>
                  <a:lnTo>
                    <a:pt x="5215489" y="28078"/>
                  </a:lnTo>
                  <a:lnTo>
                    <a:pt x="5175536" y="7418"/>
                  </a:lnTo>
                  <a:lnTo>
                    <a:pt x="5129530" y="0"/>
                  </a:lnTo>
                  <a:close/>
                </a:path>
              </a:pathLst>
            </a:custGeom>
            <a:solidFill>
              <a:srgbClr val="FFFFFF"/>
            </a:solidFill>
          </p:spPr>
          <p:txBody>
            <a:bodyPr wrap="square" lIns="0" tIns="0" rIns="0" bIns="0" rtlCol="0"/>
            <a:lstStyle/>
            <a:p>
              <a:endParaRPr/>
            </a:p>
          </p:txBody>
        </p:sp>
        <p:sp>
          <p:nvSpPr>
            <p:cNvPr id="6" name="object 6"/>
            <p:cNvSpPr/>
            <p:nvPr/>
          </p:nvSpPr>
          <p:spPr>
            <a:xfrm>
              <a:off x="3474211" y="3805428"/>
              <a:ext cx="5275580" cy="873760"/>
            </a:xfrm>
            <a:custGeom>
              <a:avLst/>
              <a:gdLst/>
              <a:ahLst/>
              <a:cxnLst/>
              <a:rect l="l" t="t" r="r" b="b"/>
              <a:pathLst>
                <a:path w="5275580" h="873760">
                  <a:moveTo>
                    <a:pt x="1186179" y="145542"/>
                  </a:moveTo>
                  <a:lnTo>
                    <a:pt x="1193598" y="99535"/>
                  </a:lnTo>
                  <a:lnTo>
                    <a:pt x="1214258" y="59582"/>
                  </a:lnTo>
                  <a:lnTo>
                    <a:pt x="1245762" y="28078"/>
                  </a:lnTo>
                  <a:lnTo>
                    <a:pt x="1285715" y="7418"/>
                  </a:lnTo>
                  <a:lnTo>
                    <a:pt x="1331722" y="0"/>
                  </a:lnTo>
                  <a:lnTo>
                    <a:pt x="1867662" y="0"/>
                  </a:lnTo>
                  <a:lnTo>
                    <a:pt x="2889885" y="0"/>
                  </a:lnTo>
                  <a:lnTo>
                    <a:pt x="5129530" y="0"/>
                  </a:lnTo>
                  <a:lnTo>
                    <a:pt x="5175536" y="7418"/>
                  </a:lnTo>
                  <a:lnTo>
                    <a:pt x="5215489" y="28078"/>
                  </a:lnTo>
                  <a:lnTo>
                    <a:pt x="5246993" y="59582"/>
                  </a:lnTo>
                  <a:lnTo>
                    <a:pt x="5267653" y="99535"/>
                  </a:lnTo>
                  <a:lnTo>
                    <a:pt x="5275071" y="145542"/>
                  </a:lnTo>
                  <a:lnTo>
                    <a:pt x="5275071" y="509397"/>
                  </a:lnTo>
                  <a:lnTo>
                    <a:pt x="5275071" y="727710"/>
                  </a:lnTo>
                  <a:lnTo>
                    <a:pt x="5267653" y="773716"/>
                  </a:lnTo>
                  <a:lnTo>
                    <a:pt x="5246993" y="813669"/>
                  </a:lnTo>
                  <a:lnTo>
                    <a:pt x="5215489" y="845173"/>
                  </a:lnTo>
                  <a:lnTo>
                    <a:pt x="5175536" y="865833"/>
                  </a:lnTo>
                  <a:lnTo>
                    <a:pt x="5129530" y="873252"/>
                  </a:lnTo>
                  <a:lnTo>
                    <a:pt x="2889885" y="873252"/>
                  </a:lnTo>
                  <a:lnTo>
                    <a:pt x="1867662" y="873252"/>
                  </a:lnTo>
                  <a:lnTo>
                    <a:pt x="1331722" y="873252"/>
                  </a:lnTo>
                  <a:lnTo>
                    <a:pt x="1285715" y="865833"/>
                  </a:lnTo>
                  <a:lnTo>
                    <a:pt x="1245762" y="845173"/>
                  </a:lnTo>
                  <a:lnTo>
                    <a:pt x="1214258" y="813669"/>
                  </a:lnTo>
                  <a:lnTo>
                    <a:pt x="1193598" y="773716"/>
                  </a:lnTo>
                  <a:lnTo>
                    <a:pt x="1186179" y="727710"/>
                  </a:lnTo>
                  <a:lnTo>
                    <a:pt x="0" y="507492"/>
                  </a:lnTo>
                  <a:lnTo>
                    <a:pt x="1186179" y="509397"/>
                  </a:lnTo>
                  <a:lnTo>
                    <a:pt x="1186179" y="145542"/>
                  </a:lnTo>
                  <a:close/>
                </a:path>
              </a:pathLst>
            </a:custGeom>
            <a:ln w="12192">
              <a:solidFill>
                <a:srgbClr val="000000"/>
              </a:solidFill>
            </a:ln>
          </p:spPr>
          <p:txBody>
            <a:bodyPr wrap="square" lIns="0" tIns="0" rIns="0" bIns="0" rtlCol="0"/>
            <a:lstStyle/>
            <a:p>
              <a:endParaRPr/>
            </a:p>
          </p:txBody>
        </p:sp>
      </p:grpSp>
      <p:sp>
        <p:nvSpPr>
          <p:cNvPr id="7" name="object 7"/>
          <p:cNvSpPr txBox="1"/>
          <p:nvPr/>
        </p:nvSpPr>
        <p:spPr>
          <a:xfrm>
            <a:off x="6411848" y="3968243"/>
            <a:ext cx="3911600" cy="582295"/>
          </a:xfrm>
          <a:prstGeom prst="rect">
            <a:avLst/>
          </a:prstGeom>
        </p:spPr>
        <p:txBody>
          <a:bodyPr vert="horz" wrap="square" lIns="0" tIns="12700" rIns="0" bIns="0" rtlCol="0">
            <a:spAutoFit/>
          </a:bodyPr>
          <a:lstStyle/>
          <a:p>
            <a:pPr marL="12700">
              <a:spcBef>
                <a:spcPts val="100"/>
              </a:spcBef>
            </a:pPr>
            <a:r>
              <a:rPr spc="-5" dirty="0">
                <a:latin typeface="メイリオ"/>
                <a:cs typeface="メイリオ"/>
              </a:rPr>
              <a:t>②ゲートウェイにデータが中継され、</a:t>
            </a:r>
            <a:endParaRPr>
              <a:latin typeface="メイリオ"/>
              <a:cs typeface="メイリオ"/>
            </a:endParaRPr>
          </a:p>
          <a:p>
            <a:pPr marL="12700">
              <a:spcBef>
                <a:spcPts val="60"/>
              </a:spcBef>
            </a:pPr>
            <a:r>
              <a:rPr spc="-20" dirty="0">
                <a:latin typeface="メイリオ"/>
                <a:cs typeface="メイリオ"/>
              </a:rPr>
              <a:t>クラウドと送受信</a:t>
            </a:r>
            <a:endParaRPr>
              <a:latin typeface="メイリオ"/>
              <a:cs typeface="メイリオ"/>
            </a:endParaRPr>
          </a:p>
        </p:txBody>
      </p:sp>
      <p:grpSp>
        <p:nvGrpSpPr>
          <p:cNvPr id="8" name="object 8"/>
          <p:cNvGrpSpPr/>
          <p:nvPr/>
        </p:nvGrpSpPr>
        <p:grpSpPr>
          <a:xfrm>
            <a:off x="2284600" y="1221017"/>
            <a:ext cx="7996555" cy="4860290"/>
            <a:chOff x="760599" y="1221017"/>
            <a:chExt cx="7996555" cy="4860290"/>
          </a:xfrm>
        </p:grpSpPr>
        <p:sp>
          <p:nvSpPr>
            <p:cNvPr id="9" name="object 9"/>
            <p:cNvSpPr/>
            <p:nvPr/>
          </p:nvSpPr>
          <p:spPr>
            <a:xfrm>
              <a:off x="1253909" y="4506467"/>
              <a:ext cx="770890" cy="1238250"/>
            </a:xfrm>
            <a:custGeom>
              <a:avLst/>
              <a:gdLst/>
              <a:ahLst/>
              <a:cxnLst/>
              <a:rect l="l" t="t" r="r" b="b"/>
              <a:pathLst>
                <a:path w="770889" h="1238250">
                  <a:moveTo>
                    <a:pt x="655589" y="133271"/>
                  </a:moveTo>
                  <a:lnTo>
                    <a:pt x="0" y="1207960"/>
                  </a:lnTo>
                  <a:lnTo>
                    <a:pt x="49491" y="1238122"/>
                  </a:lnTo>
                  <a:lnTo>
                    <a:pt x="704986" y="163384"/>
                  </a:lnTo>
                  <a:lnTo>
                    <a:pt x="655589" y="133271"/>
                  </a:lnTo>
                  <a:close/>
                </a:path>
                <a:path w="770889" h="1238250">
                  <a:moveTo>
                    <a:pt x="761604" y="108584"/>
                  </a:moveTo>
                  <a:lnTo>
                    <a:pt x="670648" y="108584"/>
                  </a:lnTo>
                  <a:lnTo>
                    <a:pt x="720051" y="138683"/>
                  </a:lnTo>
                  <a:lnTo>
                    <a:pt x="704986" y="163384"/>
                  </a:lnTo>
                  <a:lnTo>
                    <a:pt x="754468" y="193547"/>
                  </a:lnTo>
                  <a:lnTo>
                    <a:pt x="761604" y="108584"/>
                  </a:lnTo>
                  <a:close/>
                </a:path>
                <a:path w="770889" h="1238250">
                  <a:moveTo>
                    <a:pt x="670648" y="108584"/>
                  </a:moveTo>
                  <a:lnTo>
                    <a:pt x="655589" y="133271"/>
                  </a:lnTo>
                  <a:lnTo>
                    <a:pt x="704986" y="163384"/>
                  </a:lnTo>
                  <a:lnTo>
                    <a:pt x="720051" y="138683"/>
                  </a:lnTo>
                  <a:lnTo>
                    <a:pt x="670648" y="108584"/>
                  </a:lnTo>
                  <a:close/>
                </a:path>
                <a:path w="770889" h="1238250">
                  <a:moveTo>
                    <a:pt x="770724" y="0"/>
                  </a:moveTo>
                  <a:lnTo>
                    <a:pt x="606132" y="103123"/>
                  </a:lnTo>
                  <a:lnTo>
                    <a:pt x="655589" y="133271"/>
                  </a:lnTo>
                  <a:lnTo>
                    <a:pt x="670648" y="108584"/>
                  </a:lnTo>
                  <a:lnTo>
                    <a:pt x="761604" y="108584"/>
                  </a:lnTo>
                  <a:lnTo>
                    <a:pt x="770724" y="0"/>
                  </a:lnTo>
                  <a:close/>
                </a:path>
              </a:pathLst>
            </a:custGeom>
            <a:solidFill>
              <a:srgbClr val="1F3863"/>
            </a:solidFill>
          </p:spPr>
          <p:txBody>
            <a:bodyPr wrap="square" lIns="0" tIns="0" rIns="0" bIns="0" rtlCol="0"/>
            <a:lstStyle/>
            <a:p>
              <a:endParaRPr/>
            </a:p>
          </p:txBody>
        </p:sp>
        <p:sp>
          <p:nvSpPr>
            <p:cNvPr id="10" name="object 10"/>
            <p:cNvSpPr/>
            <p:nvPr/>
          </p:nvSpPr>
          <p:spPr>
            <a:xfrm>
              <a:off x="789809" y="1250227"/>
              <a:ext cx="3767454" cy="1899285"/>
            </a:xfrm>
            <a:custGeom>
              <a:avLst/>
              <a:gdLst/>
              <a:ahLst/>
              <a:cxnLst/>
              <a:rect l="l" t="t" r="r" b="b"/>
              <a:pathLst>
                <a:path w="3767454" h="1899285">
                  <a:moveTo>
                    <a:pt x="342357" y="625054"/>
                  </a:moveTo>
                  <a:lnTo>
                    <a:pt x="337391" y="586249"/>
                  </a:lnTo>
                  <a:lnTo>
                    <a:pt x="337803" y="547998"/>
                  </a:lnTo>
                  <a:lnTo>
                    <a:pt x="343383" y="510492"/>
                  </a:lnTo>
                  <a:lnTo>
                    <a:pt x="369199" y="438476"/>
                  </a:lnTo>
                  <a:lnTo>
                    <a:pt x="389015" y="404347"/>
                  </a:lnTo>
                  <a:lnTo>
                    <a:pt x="413154" y="371724"/>
                  </a:lnTo>
                  <a:lnTo>
                    <a:pt x="441406" y="340799"/>
                  </a:lnTo>
                  <a:lnTo>
                    <a:pt x="473560" y="311761"/>
                  </a:lnTo>
                  <a:lnTo>
                    <a:pt x="509404" y="284802"/>
                  </a:lnTo>
                  <a:lnTo>
                    <a:pt x="548729" y="260110"/>
                  </a:lnTo>
                  <a:lnTo>
                    <a:pt x="591323" y="237878"/>
                  </a:lnTo>
                  <a:lnTo>
                    <a:pt x="636976" y="218295"/>
                  </a:lnTo>
                  <a:lnTo>
                    <a:pt x="685475" y="201552"/>
                  </a:lnTo>
                  <a:lnTo>
                    <a:pt x="736612" y="187839"/>
                  </a:lnTo>
                  <a:lnTo>
                    <a:pt x="790174" y="177348"/>
                  </a:lnTo>
                  <a:lnTo>
                    <a:pt x="845950" y="170267"/>
                  </a:lnTo>
                  <a:lnTo>
                    <a:pt x="894921" y="167117"/>
                  </a:lnTo>
                  <a:lnTo>
                    <a:pt x="943846" y="166788"/>
                  </a:lnTo>
                  <a:lnTo>
                    <a:pt x="992475" y="169242"/>
                  </a:lnTo>
                  <a:lnTo>
                    <a:pt x="1040562" y="174442"/>
                  </a:lnTo>
                  <a:lnTo>
                    <a:pt x="1087857" y="182350"/>
                  </a:lnTo>
                  <a:lnTo>
                    <a:pt x="1134111" y="192930"/>
                  </a:lnTo>
                  <a:lnTo>
                    <a:pt x="1179077" y="206145"/>
                  </a:lnTo>
                  <a:lnTo>
                    <a:pt x="1222505" y="221956"/>
                  </a:lnTo>
                  <a:lnTo>
                    <a:pt x="1250687" y="190083"/>
                  </a:lnTo>
                  <a:lnTo>
                    <a:pt x="1283320" y="161261"/>
                  </a:lnTo>
                  <a:lnTo>
                    <a:pt x="1319932" y="135590"/>
                  </a:lnTo>
                  <a:lnTo>
                    <a:pt x="1360053" y="113170"/>
                  </a:lnTo>
                  <a:lnTo>
                    <a:pt x="1403213" y="94100"/>
                  </a:lnTo>
                  <a:lnTo>
                    <a:pt x="1448939" y="78481"/>
                  </a:lnTo>
                  <a:lnTo>
                    <a:pt x="1496762" y="66413"/>
                  </a:lnTo>
                  <a:lnTo>
                    <a:pt x="1546210" y="57995"/>
                  </a:lnTo>
                  <a:lnTo>
                    <a:pt x="1596811" y="53327"/>
                  </a:lnTo>
                  <a:lnTo>
                    <a:pt x="1648096" y="52511"/>
                  </a:lnTo>
                  <a:lnTo>
                    <a:pt x="1699593" y="55645"/>
                  </a:lnTo>
                  <a:lnTo>
                    <a:pt x="1750831" y="62829"/>
                  </a:lnTo>
                  <a:lnTo>
                    <a:pt x="1801340" y="74164"/>
                  </a:lnTo>
                  <a:lnTo>
                    <a:pt x="1850647" y="89749"/>
                  </a:lnTo>
                  <a:lnTo>
                    <a:pt x="1907480" y="114276"/>
                  </a:lnTo>
                  <a:lnTo>
                    <a:pt x="1958597" y="144232"/>
                  </a:lnTo>
                  <a:lnTo>
                    <a:pt x="1984732" y="113563"/>
                  </a:lnTo>
                  <a:lnTo>
                    <a:pt x="2015868" y="86230"/>
                  </a:lnTo>
                  <a:lnTo>
                    <a:pt x="2051397" y="62372"/>
                  </a:lnTo>
                  <a:lnTo>
                    <a:pt x="2090710" y="42129"/>
                  </a:lnTo>
                  <a:lnTo>
                    <a:pt x="2133201" y="25638"/>
                  </a:lnTo>
                  <a:lnTo>
                    <a:pt x="2178260" y="13041"/>
                  </a:lnTo>
                  <a:lnTo>
                    <a:pt x="2225279" y="4476"/>
                  </a:lnTo>
                  <a:lnTo>
                    <a:pt x="2273651" y="82"/>
                  </a:lnTo>
                  <a:lnTo>
                    <a:pt x="2322768" y="0"/>
                  </a:lnTo>
                  <a:lnTo>
                    <a:pt x="2372021" y="4367"/>
                  </a:lnTo>
                  <a:lnTo>
                    <a:pt x="2420801" y="13325"/>
                  </a:lnTo>
                  <a:lnTo>
                    <a:pt x="2468502" y="27011"/>
                  </a:lnTo>
                  <a:lnTo>
                    <a:pt x="2506239" y="41888"/>
                  </a:lnTo>
                  <a:lnTo>
                    <a:pt x="2541131" y="59539"/>
                  </a:lnTo>
                  <a:lnTo>
                    <a:pt x="2601090" y="102449"/>
                  </a:lnTo>
                  <a:lnTo>
                    <a:pt x="2637929" y="76161"/>
                  </a:lnTo>
                  <a:lnTo>
                    <a:pt x="2678322" y="53705"/>
                  </a:lnTo>
                  <a:lnTo>
                    <a:pt x="2721709" y="35113"/>
                  </a:lnTo>
                  <a:lnTo>
                    <a:pt x="2767532" y="20417"/>
                  </a:lnTo>
                  <a:lnTo>
                    <a:pt x="2815232" y="9649"/>
                  </a:lnTo>
                  <a:lnTo>
                    <a:pt x="2864250" y="2839"/>
                  </a:lnTo>
                  <a:lnTo>
                    <a:pt x="2914028" y="19"/>
                  </a:lnTo>
                  <a:lnTo>
                    <a:pt x="2964006" y="1222"/>
                  </a:lnTo>
                  <a:lnTo>
                    <a:pt x="3013627" y="6477"/>
                  </a:lnTo>
                  <a:lnTo>
                    <a:pt x="3062331" y="15818"/>
                  </a:lnTo>
                  <a:lnTo>
                    <a:pt x="3109560" y="29276"/>
                  </a:lnTo>
                  <a:lnTo>
                    <a:pt x="3154754" y="46881"/>
                  </a:lnTo>
                  <a:lnTo>
                    <a:pt x="3197355" y="68667"/>
                  </a:lnTo>
                  <a:lnTo>
                    <a:pt x="3239317" y="96689"/>
                  </a:lnTo>
                  <a:lnTo>
                    <a:pt x="3275006" y="128162"/>
                  </a:lnTo>
                  <a:lnTo>
                    <a:pt x="3304002" y="162603"/>
                  </a:lnTo>
                  <a:lnTo>
                    <a:pt x="3325883" y="199532"/>
                  </a:lnTo>
                  <a:lnTo>
                    <a:pt x="3340230" y="238466"/>
                  </a:lnTo>
                  <a:lnTo>
                    <a:pt x="3395499" y="251399"/>
                  </a:lnTo>
                  <a:lnTo>
                    <a:pt x="3446859" y="268558"/>
                  </a:lnTo>
                  <a:lnTo>
                    <a:pt x="3494004" y="289576"/>
                  </a:lnTo>
                  <a:lnTo>
                    <a:pt x="3536629" y="314082"/>
                  </a:lnTo>
                  <a:lnTo>
                    <a:pt x="3574428" y="341710"/>
                  </a:lnTo>
                  <a:lnTo>
                    <a:pt x="3607095" y="372091"/>
                  </a:lnTo>
                  <a:lnTo>
                    <a:pt x="3634324" y="404857"/>
                  </a:lnTo>
                  <a:lnTo>
                    <a:pt x="3655809" y="439638"/>
                  </a:lnTo>
                  <a:lnTo>
                    <a:pt x="3671244" y="476067"/>
                  </a:lnTo>
                  <a:lnTo>
                    <a:pt x="3680323" y="513776"/>
                  </a:lnTo>
                  <a:lnTo>
                    <a:pt x="3682740" y="552396"/>
                  </a:lnTo>
                  <a:lnTo>
                    <a:pt x="3678190" y="591559"/>
                  </a:lnTo>
                  <a:lnTo>
                    <a:pt x="3666366" y="630896"/>
                  </a:lnTo>
                  <a:lnTo>
                    <a:pt x="3645030" y="672933"/>
                  </a:lnTo>
                  <a:lnTo>
                    <a:pt x="3679385" y="707076"/>
                  </a:lnTo>
                  <a:lnTo>
                    <a:pt x="3707998" y="742733"/>
                  </a:lnTo>
                  <a:lnTo>
                    <a:pt x="3730926" y="779621"/>
                  </a:lnTo>
                  <a:lnTo>
                    <a:pt x="3748224" y="817453"/>
                  </a:lnTo>
                  <a:lnTo>
                    <a:pt x="3759945" y="855943"/>
                  </a:lnTo>
                  <a:lnTo>
                    <a:pt x="3766146" y="894807"/>
                  </a:lnTo>
                  <a:lnTo>
                    <a:pt x="3766880" y="933757"/>
                  </a:lnTo>
                  <a:lnTo>
                    <a:pt x="3762204" y="972510"/>
                  </a:lnTo>
                  <a:lnTo>
                    <a:pt x="3752171" y="1010779"/>
                  </a:lnTo>
                  <a:lnTo>
                    <a:pt x="3736836" y="1048279"/>
                  </a:lnTo>
                  <a:lnTo>
                    <a:pt x="3716255" y="1084723"/>
                  </a:lnTo>
                  <a:lnTo>
                    <a:pt x="3690482" y="1119828"/>
                  </a:lnTo>
                  <a:lnTo>
                    <a:pt x="3659573" y="1153306"/>
                  </a:lnTo>
                  <a:lnTo>
                    <a:pt x="3623582" y="1184874"/>
                  </a:lnTo>
                  <a:lnTo>
                    <a:pt x="3582563" y="1214243"/>
                  </a:lnTo>
                  <a:lnTo>
                    <a:pt x="3536572" y="1241131"/>
                  </a:lnTo>
                  <a:lnTo>
                    <a:pt x="3495149" y="1261133"/>
                  </a:lnTo>
                  <a:lnTo>
                    <a:pt x="3451562" y="1278549"/>
                  </a:lnTo>
                  <a:lnTo>
                    <a:pt x="3406064" y="1293312"/>
                  </a:lnTo>
                  <a:lnTo>
                    <a:pt x="3358904" y="1305355"/>
                  </a:lnTo>
                  <a:lnTo>
                    <a:pt x="3310333" y="1314611"/>
                  </a:lnTo>
                  <a:lnTo>
                    <a:pt x="3260601" y="1321014"/>
                  </a:lnTo>
                  <a:lnTo>
                    <a:pt x="3257217" y="1358659"/>
                  </a:lnTo>
                  <a:lnTo>
                    <a:pt x="3233666" y="1430133"/>
                  </a:lnTo>
                  <a:lnTo>
                    <a:pt x="3214120" y="1463543"/>
                  </a:lnTo>
                  <a:lnTo>
                    <a:pt x="3189806" y="1495121"/>
                  </a:lnTo>
                  <a:lnTo>
                    <a:pt x="3161035" y="1524659"/>
                  </a:lnTo>
                  <a:lnTo>
                    <a:pt x="3128118" y="1551945"/>
                  </a:lnTo>
                  <a:lnTo>
                    <a:pt x="3091365" y="1576772"/>
                  </a:lnTo>
                  <a:lnTo>
                    <a:pt x="3051085" y="1598927"/>
                  </a:lnTo>
                  <a:lnTo>
                    <a:pt x="3007589" y="1618203"/>
                  </a:lnTo>
                  <a:lnTo>
                    <a:pt x="2961188" y="1634389"/>
                  </a:lnTo>
                  <a:lnTo>
                    <a:pt x="2912191" y="1647276"/>
                  </a:lnTo>
                  <a:lnTo>
                    <a:pt x="2860908" y="1656653"/>
                  </a:lnTo>
                  <a:lnTo>
                    <a:pt x="2807651" y="1662311"/>
                  </a:lnTo>
                  <a:lnTo>
                    <a:pt x="2752728" y="1664041"/>
                  </a:lnTo>
                  <a:lnTo>
                    <a:pt x="2697274" y="1661633"/>
                  </a:lnTo>
                  <a:lnTo>
                    <a:pt x="2642789" y="1655080"/>
                  </a:lnTo>
                  <a:lnTo>
                    <a:pt x="2589755" y="1644473"/>
                  </a:lnTo>
                  <a:lnTo>
                    <a:pt x="2538653" y="1629903"/>
                  </a:lnTo>
                  <a:lnTo>
                    <a:pt x="2489965" y="1611463"/>
                  </a:lnTo>
                  <a:lnTo>
                    <a:pt x="2472155" y="1646272"/>
                  </a:lnTo>
                  <a:lnTo>
                    <a:pt x="2450264" y="1679262"/>
                  </a:lnTo>
                  <a:lnTo>
                    <a:pt x="2424552" y="1710337"/>
                  </a:lnTo>
                  <a:lnTo>
                    <a:pt x="2395279" y="1739402"/>
                  </a:lnTo>
                  <a:lnTo>
                    <a:pt x="2362704" y="1766362"/>
                  </a:lnTo>
                  <a:lnTo>
                    <a:pt x="2327086" y="1791121"/>
                  </a:lnTo>
                  <a:lnTo>
                    <a:pt x="2288683" y="1813583"/>
                  </a:lnTo>
                  <a:lnTo>
                    <a:pt x="2247757" y="1833655"/>
                  </a:lnTo>
                  <a:lnTo>
                    <a:pt x="2204565" y="1851239"/>
                  </a:lnTo>
                  <a:lnTo>
                    <a:pt x="2159366" y="1866241"/>
                  </a:lnTo>
                  <a:lnTo>
                    <a:pt x="2112421" y="1878565"/>
                  </a:lnTo>
                  <a:lnTo>
                    <a:pt x="2063989" y="1888116"/>
                  </a:lnTo>
                  <a:lnTo>
                    <a:pt x="2014327" y="1894798"/>
                  </a:lnTo>
                  <a:lnTo>
                    <a:pt x="1963697" y="1898517"/>
                  </a:lnTo>
                  <a:lnTo>
                    <a:pt x="1912356" y="1899177"/>
                  </a:lnTo>
                  <a:lnTo>
                    <a:pt x="1860565" y="1896681"/>
                  </a:lnTo>
                  <a:lnTo>
                    <a:pt x="1808582" y="1890936"/>
                  </a:lnTo>
                  <a:lnTo>
                    <a:pt x="1756667" y="1881846"/>
                  </a:lnTo>
                  <a:lnTo>
                    <a:pt x="1701968" y="1868369"/>
                  </a:lnTo>
                  <a:lnTo>
                    <a:pt x="1649779" y="1851351"/>
                  </a:lnTo>
                  <a:lnTo>
                    <a:pt x="1600433" y="1830967"/>
                  </a:lnTo>
                  <a:lnTo>
                    <a:pt x="1554264" y="1807393"/>
                  </a:lnTo>
                  <a:lnTo>
                    <a:pt x="1511606" y="1780805"/>
                  </a:lnTo>
                  <a:lnTo>
                    <a:pt x="1472790" y="1751377"/>
                  </a:lnTo>
                  <a:lnTo>
                    <a:pt x="1438151" y="1719286"/>
                  </a:lnTo>
                  <a:lnTo>
                    <a:pt x="1392074" y="1736745"/>
                  </a:lnTo>
                  <a:lnTo>
                    <a:pt x="1344911" y="1751482"/>
                  </a:lnTo>
                  <a:lnTo>
                    <a:pt x="1296868" y="1763531"/>
                  </a:lnTo>
                  <a:lnTo>
                    <a:pt x="1248150" y="1772927"/>
                  </a:lnTo>
                  <a:lnTo>
                    <a:pt x="1198961" y="1779706"/>
                  </a:lnTo>
                  <a:lnTo>
                    <a:pt x="1149507" y="1783903"/>
                  </a:lnTo>
                  <a:lnTo>
                    <a:pt x="1099993" y="1785552"/>
                  </a:lnTo>
                  <a:lnTo>
                    <a:pt x="1050624" y="1784688"/>
                  </a:lnTo>
                  <a:lnTo>
                    <a:pt x="1001605" y="1781348"/>
                  </a:lnTo>
                  <a:lnTo>
                    <a:pt x="953142" y="1775565"/>
                  </a:lnTo>
                  <a:lnTo>
                    <a:pt x="905440" y="1767375"/>
                  </a:lnTo>
                  <a:lnTo>
                    <a:pt x="858703" y="1756813"/>
                  </a:lnTo>
                  <a:lnTo>
                    <a:pt x="813136" y="1743913"/>
                  </a:lnTo>
                  <a:lnTo>
                    <a:pt x="768946" y="1728712"/>
                  </a:lnTo>
                  <a:lnTo>
                    <a:pt x="726337" y="1711244"/>
                  </a:lnTo>
                  <a:lnTo>
                    <a:pt x="685514" y="1691543"/>
                  </a:lnTo>
                  <a:lnTo>
                    <a:pt x="646682" y="1669646"/>
                  </a:lnTo>
                  <a:lnTo>
                    <a:pt x="610046" y="1645587"/>
                  </a:lnTo>
                  <a:lnTo>
                    <a:pt x="575812" y="1619402"/>
                  </a:lnTo>
                  <a:lnTo>
                    <a:pt x="544185" y="1591124"/>
                  </a:lnTo>
                  <a:lnTo>
                    <a:pt x="515369" y="1560790"/>
                  </a:lnTo>
                  <a:lnTo>
                    <a:pt x="510670" y="1555329"/>
                  </a:lnTo>
                  <a:lnTo>
                    <a:pt x="508257" y="1552535"/>
                  </a:lnTo>
                  <a:lnTo>
                    <a:pt x="452048" y="1554190"/>
                  </a:lnTo>
                  <a:lnTo>
                    <a:pt x="397463" y="1550314"/>
                  </a:lnTo>
                  <a:lnTo>
                    <a:pt x="345153" y="1541258"/>
                  </a:lnTo>
                  <a:lnTo>
                    <a:pt x="295771" y="1527373"/>
                  </a:lnTo>
                  <a:lnTo>
                    <a:pt x="249969" y="1509009"/>
                  </a:lnTo>
                  <a:lnTo>
                    <a:pt x="208399" y="1486519"/>
                  </a:lnTo>
                  <a:lnTo>
                    <a:pt x="171713" y="1460252"/>
                  </a:lnTo>
                  <a:lnTo>
                    <a:pt x="140562" y="1430561"/>
                  </a:lnTo>
                  <a:lnTo>
                    <a:pt x="115600" y="1397794"/>
                  </a:lnTo>
                  <a:lnTo>
                    <a:pt x="97477" y="1362305"/>
                  </a:lnTo>
                  <a:lnTo>
                    <a:pt x="86846" y="1324443"/>
                  </a:lnTo>
                  <a:lnTo>
                    <a:pt x="84900" y="1278961"/>
                  </a:lnTo>
                  <a:lnTo>
                    <a:pt x="94385" y="1234448"/>
                  </a:lnTo>
                  <a:lnTo>
                    <a:pt x="114835" y="1191873"/>
                  </a:lnTo>
                  <a:lnTo>
                    <a:pt x="145781" y="1152206"/>
                  </a:lnTo>
                  <a:lnTo>
                    <a:pt x="186757" y="1116417"/>
                  </a:lnTo>
                  <a:lnTo>
                    <a:pt x="136290" y="1092022"/>
                  </a:lnTo>
                  <a:lnTo>
                    <a:pt x="93288" y="1063142"/>
                  </a:lnTo>
                  <a:lnTo>
                    <a:pt x="58029" y="1030511"/>
                  </a:lnTo>
                  <a:lnTo>
                    <a:pt x="30792" y="994865"/>
                  </a:lnTo>
                  <a:lnTo>
                    <a:pt x="11856" y="956937"/>
                  </a:lnTo>
                  <a:lnTo>
                    <a:pt x="1499" y="917462"/>
                  </a:lnTo>
                  <a:lnTo>
                    <a:pt x="0" y="877174"/>
                  </a:lnTo>
                  <a:lnTo>
                    <a:pt x="7637" y="836810"/>
                  </a:lnTo>
                  <a:lnTo>
                    <a:pt x="24691" y="797101"/>
                  </a:lnTo>
                  <a:lnTo>
                    <a:pt x="51438" y="758785"/>
                  </a:lnTo>
                  <a:lnTo>
                    <a:pt x="80270" y="729514"/>
                  </a:lnTo>
                  <a:lnTo>
                    <a:pt x="114151" y="703484"/>
                  </a:lnTo>
                  <a:lnTo>
                    <a:pt x="152508" y="680951"/>
                  </a:lnTo>
                  <a:lnTo>
                    <a:pt x="194766" y="662170"/>
                  </a:lnTo>
                  <a:lnTo>
                    <a:pt x="240349" y="647397"/>
                  </a:lnTo>
                  <a:lnTo>
                    <a:pt x="288684" y="636887"/>
                  </a:lnTo>
                  <a:lnTo>
                    <a:pt x="339195" y="630896"/>
                  </a:lnTo>
                  <a:lnTo>
                    <a:pt x="342357" y="625054"/>
                  </a:lnTo>
                  <a:close/>
                </a:path>
                <a:path w="3767454" h="1899285">
                  <a:moveTo>
                    <a:pt x="411433" y="1143976"/>
                  </a:moveTo>
                  <a:lnTo>
                    <a:pt x="353846" y="1144053"/>
                  </a:lnTo>
                  <a:lnTo>
                    <a:pt x="297233" y="1138118"/>
                  </a:lnTo>
                  <a:lnTo>
                    <a:pt x="242560" y="1126349"/>
                  </a:lnTo>
                  <a:lnTo>
                    <a:pt x="190795" y="1108924"/>
                  </a:lnTo>
                </a:path>
                <a:path w="3767454" h="1899285">
                  <a:moveTo>
                    <a:pt x="606047" y="1527389"/>
                  </a:moveTo>
                  <a:lnTo>
                    <a:pt x="582608" y="1533223"/>
                  </a:lnTo>
                  <a:lnTo>
                    <a:pt x="558645" y="1537962"/>
                  </a:lnTo>
                  <a:lnTo>
                    <a:pt x="534253" y="1541605"/>
                  </a:lnTo>
                  <a:lnTo>
                    <a:pt x="509527" y="1544153"/>
                  </a:lnTo>
                </a:path>
                <a:path w="3767454" h="1899285">
                  <a:moveTo>
                    <a:pt x="1437897" y="1711539"/>
                  </a:moveTo>
                  <a:lnTo>
                    <a:pt x="1421165" y="1693306"/>
                  </a:lnTo>
                  <a:lnTo>
                    <a:pt x="1405862" y="1674455"/>
                  </a:lnTo>
                  <a:lnTo>
                    <a:pt x="1392035" y="1655032"/>
                  </a:lnTo>
                  <a:lnTo>
                    <a:pt x="1379731" y="1635085"/>
                  </a:lnTo>
                </a:path>
                <a:path w="3767454" h="1899285">
                  <a:moveTo>
                    <a:pt x="2513587" y="1520912"/>
                  </a:moveTo>
                  <a:lnTo>
                    <a:pt x="2510188" y="1542172"/>
                  </a:lnTo>
                  <a:lnTo>
                    <a:pt x="2505158" y="1563266"/>
                  </a:lnTo>
                  <a:lnTo>
                    <a:pt x="2498532" y="1584170"/>
                  </a:lnTo>
                  <a:lnTo>
                    <a:pt x="2490346" y="1604859"/>
                  </a:lnTo>
                </a:path>
                <a:path w="3767454" h="1899285">
                  <a:moveTo>
                    <a:pt x="2975359" y="1002371"/>
                  </a:moveTo>
                  <a:lnTo>
                    <a:pt x="3031080" y="1024091"/>
                  </a:lnTo>
                  <a:lnTo>
                    <a:pt x="3081650" y="1050101"/>
                  </a:lnTo>
                  <a:lnTo>
                    <a:pt x="3126678" y="1079968"/>
                  </a:lnTo>
                  <a:lnTo>
                    <a:pt x="3165772" y="1113259"/>
                  </a:lnTo>
                  <a:lnTo>
                    <a:pt x="3198543" y="1149542"/>
                  </a:lnTo>
                  <a:lnTo>
                    <a:pt x="3224599" y="1188383"/>
                  </a:lnTo>
                  <a:lnTo>
                    <a:pt x="3243550" y="1229351"/>
                  </a:lnTo>
                  <a:lnTo>
                    <a:pt x="3255003" y="1272012"/>
                  </a:lnTo>
                  <a:lnTo>
                    <a:pt x="3258569" y="1315934"/>
                  </a:lnTo>
                </a:path>
                <a:path w="3767454" h="1899285">
                  <a:moveTo>
                    <a:pt x="3643252" y="668234"/>
                  </a:moveTo>
                  <a:lnTo>
                    <a:pt x="3619353" y="701290"/>
                  </a:lnTo>
                  <a:lnTo>
                    <a:pt x="3590166" y="732083"/>
                  </a:lnTo>
                  <a:lnTo>
                    <a:pt x="3556027" y="760352"/>
                  </a:lnTo>
                  <a:lnTo>
                    <a:pt x="3517268" y="785836"/>
                  </a:lnTo>
                </a:path>
                <a:path w="3767454" h="1899285">
                  <a:moveTo>
                    <a:pt x="3340738" y="231862"/>
                  </a:moveTo>
                  <a:lnTo>
                    <a:pt x="3343860" y="245641"/>
                  </a:lnTo>
                  <a:lnTo>
                    <a:pt x="3345993" y="259516"/>
                  </a:lnTo>
                  <a:lnTo>
                    <a:pt x="3347150" y="273438"/>
                  </a:lnTo>
                  <a:lnTo>
                    <a:pt x="3347342" y="287361"/>
                  </a:lnTo>
                </a:path>
                <a:path w="3767454" h="1899285">
                  <a:moveTo>
                    <a:pt x="2535431" y="167092"/>
                  </a:moveTo>
                  <a:lnTo>
                    <a:pt x="2548709" y="148197"/>
                  </a:lnTo>
                  <a:lnTo>
                    <a:pt x="2563927" y="130040"/>
                  </a:lnTo>
                  <a:lnTo>
                    <a:pt x="2581026" y="112692"/>
                  </a:lnTo>
                  <a:lnTo>
                    <a:pt x="2599947" y="96226"/>
                  </a:lnTo>
                </a:path>
                <a:path w="3767454" h="1899285">
                  <a:moveTo>
                    <a:pt x="1931165" y="200874"/>
                  </a:moveTo>
                  <a:lnTo>
                    <a:pt x="1936922" y="185096"/>
                  </a:lnTo>
                  <a:lnTo>
                    <a:pt x="1944072" y="169616"/>
                  </a:lnTo>
                  <a:lnTo>
                    <a:pt x="1952579" y="154493"/>
                  </a:lnTo>
                  <a:lnTo>
                    <a:pt x="1962407" y="139787"/>
                  </a:lnTo>
                </a:path>
                <a:path w="3767454" h="1899285">
                  <a:moveTo>
                    <a:pt x="1222124" y="221575"/>
                  </a:moveTo>
                  <a:lnTo>
                    <a:pt x="1252325" y="234592"/>
                  </a:lnTo>
                  <a:lnTo>
                    <a:pt x="1281322" y="248848"/>
                  </a:lnTo>
                  <a:lnTo>
                    <a:pt x="1309010" y="264294"/>
                  </a:lnTo>
                  <a:lnTo>
                    <a:pt x="1335281" y="280884"/>
                  </a:lnTo>
                </a:path>
                <a:path w="3767454" h="1899285">
                  <a:moveTo>
                    <a:pt x="362131" y="687411"/>
                  </a:moveTo>
                  <a:lnTo>
                    <a:pt x="355850" y="672006"/>
                  </a:lnTo>
                  <a:lnTo>
                    <a:pt x="350461" y="656470"/>
                  </a:lnTo>
                  <a:lnTo>
                    <a:pt x="345970" y="640816"/>
                  </a:lnTo>
                  <a:lnTo>
                    <a:pt x="342383" y="625054"/>
                  </a:lnTo>
                </a:path>
              </a:pathLst>
            </a:custGeom>
            <a:ln w="57912">
              <a:solidFill>
                <a:srgbClr val="000000"/>
              </a:solidFill>
            </a:ln>
          </p:spPr>
          <p:txBody>
            <a:bodyPr wrap="square" lIns="0" tIns="0" rIns="0" bIns="0" rtlCol="0"/>
            <a:lstStyle/>
            <a:p>
              <a:endParaRPr/>
            </a:p>
          </p:txBody>
        </p:sp>
        <p:pic>
          <p:nvPicPr>
            <p:cNvPr id="11" name="object 11"/>
            <p:cNvPicPr/>
            <p:nvPr/>
          </p:nvPicPr>
          <p:blipFill>
            <a:blip r:embed="rId3" cstate="print"/>
            <a:stretch>
              <a:fillRect/>
            </a:stretch>
          </p:blipFill>
          <p:spPr>
            <a:xfrm>
              <a:off x="1266444" y="1972056"/>
              <a:ext cx="835152" cy="835151"/>
            </a:xfrm>
            <a:prstGeom prst="rect">
              <a:avLst/>
            </a:prstGeom>
          </p:spPr>
        </p:pic>
        <p:pic>
          <p:nvPicPr>
            <p:cNvPr id="12" name="object 12"/>
            <p:cNvPicPr/>
            <p:nvPr/>
          </p:nvPicPr>
          <p:blipFill>
            <a:blip r:embed="rId3" cstate="print"/>
            <a:stretch>
              <a:fillRect/>
            </a:stretch>
          </p:blipFill>
          <p:spPr>
            <a:xfrm>
              <a:off x="2092452" y="1956816"/>
              <a:ext cx="835151" cy="835151"/>
            </a:xfrm>
            <a:prstGeom prst="rect">
              <a:avLst/>
            </a:prstGeom>
          </p:spPr>
        </p:pic>
        <p:pic>
          <p:nvPicPr>
            <p:cNvPr id="13" name="object 13"/>
            <p:cNvPicPr/>
            <p:nvPr/>
          </p:nvPicPr>
          <p:blipFill>
            <a:blip r:embed="rId3" cstate="print"/>
            <a:stretch>
              <a:fillRect/>
            </a:stretch>
          </p:blipFill>
          <p:spPr>
            <a:xfrm>
              <a:off x="2945892" y="1946148"/>
              <a:ext cx="835152" cy="835151"/>
            </a:xfrm>
            <a:prstGeom prst="rect">
              <a:avLst/>
            </a:prstGeom>
          </p:spPr>
        </p:pic>
        <p:sp>
          <p:nvSpPr>
            <p:cNvPr id="14" name="object 14"/>
            <p:cNvSpPr/>
            <p:nvPr/>
          </p:nvSpPr>
          <p:spPr>
            <a:xfrm>
              <a:off x="3902710" y="5202935"/>
              <a:ext cx="4848225" cy="871855"/>
            </a:xfrm>
            <a:custGeom>
              <a:avLst/>
              <a:gdLst/>
              <a:ahLst/>
              <a:cxnLst/>
              <a:rect l="l" t="t" r="r" b="b"/>
              <a:pathLst>
                <a:path w="4848225" h="871854">
                  <a:moveTo>
                    <a:pt x="4848097" y="363219"/>
                  </a:moveTo>
                  <a:lnTo>
                    <a:pt x="760729" y="363219"/>
                  </a:lnTo>
                  <a:lnTo>
                    <a:pt x="760729" y="726439"/>
                  </a:lnTo>
                  <a:lnTo>
                    <a:pt x="768134" y="772361"/>
                  </a:lnTo>
                  <a:lnTo>
                    <a:pt x="788755" y="812244"/>
                  </a:lnTo>
                  <a:lnTo>
                    <a:pt x="820202" y="843695"/>
                  </a:lnTo>
                  <a:lnTo>
                    <a:pt x="860086" y="864320"/>
                  </a:lnTo>
                  <a:lnTo>
                    <a:pt x="906017" y="871727"/>
                  </a:lnTo>
                  <a:lnTo>
                    <a:pt x="4702810" y="871727"/>
                  </a:lnTo>
                  <a:lnTo>
                    <a:pt x="4748741" y="864320"/>
                  </a:lnTo>
                  <a:lnTo>
                    <a:pt x="4788625" y="843695"/>
                  </a:lnTo>
                  <a:lnTo>
                    <a:pt x="4820072" y="812244"/>
                  </a:lnTo>
                  <a:lnTo>
                    <a:pt x="4840693" y="772361"/>
                  </a:lnTo>
                  <a:lnTo>
                    <a:pt x="4848097" y="726439"/>
                  </a:lnTo>
                  <a:lnTo>
                    <a:pt x="4848097" y="363219"/>
                  </a:lnTo>
                  <a:close/>
                </a:path>
                <a:path w="4848225" h="871854">
                  <a:moveTo>
                    <a:pt x="4702810" y="0"/>
                  </a:moveTo>
                  <a:lnTo>
                    <a:pt x="906017" y="0"/>
                  </a:lnTo>
                  <a:lnTo>
                    <a:pt x="860086" y="7404"/>
                  </a:lnTo>
                  <a:lnTo>
                    <a:pt x="820202" y="28025"/>
                  </a:lnTo>
                  <a:lnTo>
                    <a:pt x="788755" y="59472"/>
                  </a:lnTo>
                  <a:lnTo>
                    <a:pt x="768134" y="99356"/>
                  </a:lnTo>
                  <a:lnTo>
                    <a:pt x="760729" y="145287"/>
                  </a:lnTo>
                  <a:lnTo>
                    <a:pt x="0" y="429374"/>
                  </a:lnTo>
                  <a:lnTo>
                    <a:pt x="760729" y="363219"/>
                  </a:lnTo>
                  <a:lnTo>
                    <a:pt x="4848097" y="363219"/>
                  </a:lnTo>
                  <a:lnTo>
                    <a:pt x="4848097" y="145287"/>
                  </a:lnTo>
                  <a:lnTo>
                    <a:pt x="4840693" y="99356"/>
                  </a:lnTo>
                  <a:lnTo>
                    <a:pt x="4820072" y="59472"/>
                  </a:lnTo>
                  <a:lnTo>
                    <a:pt x="4788625" y="28025"/>
                  </a:lnTo>
                  <a:lnTo>
                    <a:pt x="4748741" y="7404"/>
                  </a:lnTo>
                  <a:lnTo>
                    <a:pt x="4702810" y="0"/>
                  </a:lnTo>
                  <a:close/>
                </a:path>
              </a:pathLst>
            </a:custGeom>
            <a:solidFill>
              <a:srgbClr val="FFFFFF"/>
            </a:solidFill>
          </p:spPr>
          <p:txBody>
            <a:bodyPr wrap="square" lIns="0" tIns="0" rIns="0" bIns="0" rtlCol="0"/>
            <a:lstStyle/>
            <a:p>
              <a:endParaRPr/>
            </a:p>
          </p:txBody>
        </p:sp>
        <p:sp>
          <p:nvSpPr>
            <p:cNvPr id="15" name="object 15"/>
            <p:cNvSpPr/>
            <p:nvPr/>
          </p:nvSpPr>
          <p:spPr>
            <a:xfrm>
              <a:off x="3902710" y="5202935"/>
              <a:ext cx="4848225" cy="871855"/>
            </a:xfrm>
            <a:custGeom>
              <a:avLst/>
              <a:gdLst/>
              <a:ahLst/>
              <a:cxnLst/>
              <a:rect l="l" t="t" r="r" b="b"/>
              <a:pathLst>
                <a:path w="4848225" h="871854">
                  <a:moveTo>
                    <a:pt x="760729" y="145287"/>
                  </a:moveTo>
                  <a:lnTo>
                    <a:pt x="768134" y="99356"/>
                  </a:lnTo>
                  <a:lnTo>
                    <a:pt x="788755" y="59472"/>
                  </a:lnTo>
                  <a:lnTo>
                    <a:pt x="820202" y="28025"/>
                  </a:lnTo>
                  <a:lnTo>
                    <a:pt x="860086" y="7404"/>
                  </a:lnTo>
                  <a:lnTo>
                    <a:pt x="906017" y="0"/>
                  </a:lnTo>
                  <a:lnTo>
                    <a:pt x="1441957" y="0"/>
                  </a:lnTo>
                  <a:lnTo>
                    <a:pt x="2463800" y="0"/>
                  </a:lnTo>
                  <a:lnTo>
                    <a:pt x="4702810" y="0"/>
                  </a:lnTo>
                  <a:lnTo>
                    <a:pt x="4748741" y="7404"/>
                  </a:lnTo>
                  <a:lnTo>
                    <a:pt x="4788625" y="28025"/>
                  </a:lnTo>
                  <a:lnTo>
                    <a:pt x="4820072" y="59472"/>
                  </a:lnTo>
                  <a:lnTo>
                    <a:pt x="4840693" y="99356"/>
                  </a:lnTo>
                  <a:lnTo>
                    <a:pt x="4848097" y="145287"/>
                  </a:lnTo>
                  <a:lnTo>
                    <a:pt x="4848097" y="363219"/>
                  </a:lnTo>
                  <a:lnTo>
                    <a:pt x="4848097" y="726439"/>
                  </a:lnTo>
                  <a:lnTo>
                    <a:pt x="4840693" y="772361"/>
                  </a:lnTo>
                  <a:lnTo>
                    <a:pt x="4820072" y="812244"/>
                  </a:lnTo>
                  <a:lnTo>
                    <a:pt x="4788625" y="843695"/>
                  </a:lnTo>
                  <a:lnTo>
                    <a:pt x="4748741" y="864320"/>
                  </a:lnTo>
                  <a:lnTo>
                    <a:pt x="4702810" y="871727"/>
                  </a:lnTo>
                  <a:lnTo>
                    <a:pt x="2463800" y="871727"/>
                  </a:lnTo>
                  <a:lnTo>
                    <a:pt x="1441957" y="871727"/>
                  </a:lnTo>
                  <a:lnTo>
                    <a:pt x="906017" y="871727"/>
                  </a:lnTo>
                  <a:lnTo>
                    <a:pt x="860086" y="864320"/>
                  </a:lnTo>
                  <a:lnTo>
                    <a:pt x="820202" y="843695"/>
                  </a:lnTo>
                  <a:lnTo>
                    <a:pt x="788755" y="812244"/>
                  </a:lnTo>
                  <a:lnTo>
                    <a:pt x="768134" y="772361"/>
                  </a:lnTo>
                  <a:lnTo>
                    <a:pt x="760729" y="726439"/>
                  </a:lnTo>
                  <a:lnTo>
                    <a:pt x="760729" y="363219"/>
                  </a:lnTo>
                  <a:lnTo>
                    <a:pt x="0" y="429374"/>
                  </a:lnTo>
                  <a:lnTo>
                    <a:pt x="760729" y="145287"/>
                  </a:lnTo>
                  <a:close/>
                </a:path>
              </a:pathLst>
            </a:custGeom>
            <a:ln w="12192">
              <a:solidFill>
                <a:srgbClr val="000000"/>
              </a:solidFill>
            </a:ln>
          </p:spPr>
          <p:txBody>
            <a:bodyPr wrap="square" lIns="0" tIns="0" rIns="0" bIns="0" rtlCol="0"/>
            <a:lstStyle/>
            <a:p>
              <a:endParaRPr/>
            </a:p>
          </p:txBody>
        </p:sp>
      </p:grpSp>
      <p:sp>
        <p:nvSpPr>
          <p:cNvPr id="17" name="object 17"/>
          <p:cNvSpPr txBox="1"/>
          <p:nvPr/>
        </p:nvSpPr>
        <p:spPr>
          <a:xfrm>
            <a:off x="6497193" y="5232653"/>
            <a:ext cx="3459479" cy="855980"/>
          </a:xfrm>
          <a:prstGeom prst="rect">
            <a:avLst/>
          </a:prstGeom>
        </p:spPr>
        <p:txBody>
          <a:bodyPr vert="horz" wrap="square" lIns="0" tIns="5080" rIns="0" bIns="0" rtlCol="0">
            <a:spAutoFit/>
          </a:bodyPr>
          <a:lstStyle/>
          <a:p>
            <a:pPr marL="12700" marR="5080">
              <a:lnSpc>
                <a:spcPct val="102800"/>
              </a:lnSpc>
              <a:spcBef>
                <a:spcPts val="40"/>
              </a:spcBef>
            </a:pPr>
            <a:r>
              <a:rPr spc="-5" dirty="0">
                <a:latin typeface="メイリオ"/>
                <a:cs typeface="メイリオ"/>
              </a:rPr>
              <a:t>①各家電内のセンサーから様々な</a:t>
            </a:r>
            <a:r>
              <a:rPr spc="-10" dirty="0">
                <a:latin typeface="メイリオ"/>
                <a:cs typeface="メイリオ"/>
              </a:rPr>
              <a:t>データが送信される</a:t>
            </a:r>
            <a:endParaRPr>
              <a:latin typeface="メイリオ"/>
              <a:cs typeface="メイリオ"/>
            </a:endParaRPr>
          </a:p>
          <a:p>
            <a:pPr marL="12700"/>
            <a:r>
              <a:rPr dirty="0">
                <a:latin typeface="メイリオ"/>
                <a:cs typeface="メイリオ"/>
              </a:rPr>
              <a:t>（</a:t>
            </a:r>
            <a:r>
              <a:rPr spc="-5" dirty="0">
                <a:latin typeface="メイリオ"/>
                <a:cs typeface="メイリオ"/>
              </a:rPr>
              <a:t>消費電力、温度、空調</a:t>
            </a:r>
            <a:r>
              <a:rPr spc="-10" dirty="0">
                <a:latin typeface="Century Gothic"/>
                <a:cs typeface="Century Gothic"/>
              </a:rPr>
              <a:t>etc…</a:t>
            </a:r>
            <a:r>
              <a:rPr spc="-10" dirty="0">
                <a:latin typeface="メイリオ"/>
                <a:cs typeface="メイリオ"/>
              </a:rPr>
              <a:t>）</a:t>
            </a:r>
            <a:endParaRPr>
              <a:latin typeface="メイリオ"/>
              <a:cs typeface="メイリオ"/>
            </a:endParaRPr>
          </a:p>
        </p:txBody>
      </p:sp>
      <p:grpSp>
        <p:nvGrpSpPr>
          <p:cNvPr id="18" name="object 18"/>
          <p:cNvGrpSpPr/>
          <p:nvPr/>
        </p:nvGrpSpPr>
        <p:grpSpPr>
          <a:xfrm>
            <a:off x="3627628" y="1865122"/>
            <a:ext cx="6734809" cy="3830320"/>
            <a:chOff x="2103627" y="1865122"/>
            <a:chExt cx="6734809" cy="3830320"/>
          </a:xfrm>
        </p:grpSpPr>
        <p:sp>
          <p:nvSpPr>
            <p:cNvPr id="19" name="object 19"/>
            <p:cNvSpPr/>
            <p:nvPr/>
          </p:nvSpPr>
          <p:spPr>
            <a:xfrm>
              <a:off x="3983482" y="1871472"/>
              <a:ext cx="4848225" cy="873760"/>
            </a:xfrm>
            <a:custGeom>
              <a:avLst/>
              <a:gdLst/>
              <a:ahLst/>
              <a:cxnLst/>
              <a:rect l="l" t="t" r="r" b="b"/>
              <a:pathLst>
                <a:path w="4848225" h="873760">
                  <a:moveTo>
                    <a:pt x="4848097" y="363854"/>
                  </a:moveTo>
                  <a:lnTo>
                    <a:pt x="760729" y="363854"/>
                  </a:lnTo>
                  <a:lnTo>
                    <a:pt x="760729" y="727710"/>
                  </a:lnTo>
                  <a:lnTo>
                    <a:pt x="768148" y="773716"/>
                  </a:lnTo>
                  <a:lnTo>
                    <a:pt x="788808" y="813669"/>
                  </a:lnTo>
                  <a:lnTo>
                    <a:pt x="820312" y="845173"/>
                  </a:lnTo>
                  <a:lnTo>
                    <a:pt x="860265" y="865833"/>
                  </a:lnTo>
                  <a:lnTo>
                    <a:pt x="906271" y="873251"/>
                  </a:lnTo>
                  <a:lnTo>
                    <a:pt x="4702556" y="873251"/>
                  </a:lnTo>
                  <a:lnTo>
                    <a:pt x="4748562" y="865833"/>
                  </a:lnTo>
                  <a:lnTo>
                    <a:pt x="4788515" y="845173"/>
                  </a:lnTo>
                  <a:lnTo>
                    <a:pt x="4820019" y="813669"/>
                  </a:lnTo>
                  <a:lnTo>
                    <a:pt x="4840679" y="773716"/>
                  </a:lnTo>
                  <a:lnTo>
                    <a:pt x="4848097" y="727710"/>
                  </a:lnTo>
                  <a:lnTo>
                    <a:pt x="4848097" y="363854"/>
                  </a:lnTo>
                  <a:close/>
                </a:path>
                <a:path w="4848225" h="873760">
                  <a:moveTo>
                    <a:pt x="4702556" y="0"/>
                  </a:moveTo>
                  <a:lnTo>
                    <a:pt x="906271" y="0"/>
                  </a:lnTo>
                  <a:lnTo>
                    <a:pt x="860265" y="7418"/>
                  </a:lnTo>
                  <a:lnTo>
                    <a:pt x="820312" y="28078"/>
                  </a:lnTo>
                  <a:lnTo>
                    <a:pt x="788808" y="59582"/>
                  </a:lnTo>
                  <a:lnTo>
                    <a:pt x="768148" y="99535"/>
                  </a:lnTo>
                  <a:lnTo>
                    <a:pt x="760729" y="145541"/>
                  </a:lnTo>
                  <a:lnTo>
                    <a:pt x="0" y="430149"/>
                  </a:lnTo>
                  <a:lnTo>
                    <a:pt x="760729" y="363854"/>
                  </a:lnTo>
                  <a:lnTo>
                    <a:pt x="4848097" y="363854"/>
                  </a:lnTo>
                  <a:lnTo>
                    <a:pt x="4848097" y="145541"/>
                  </a:lnTo>
                  <a:lnTo>
                    <a:pt x="4840679" y="99535"/>
                  </a:lnTo>
                  <a:lnTo>
                    <a:pt x="4820019" y="59582"/>
                  </a:lnTo>
                  <a:lnTo>
                    <a:pt x="4788515" y="28078"/>
                  </a:lnTo>
                  <a:lnTo>
                    <a:pt x="4748562" y="7418"/>
                  </a:lnTo>
                  <a:lnTo>
                    <a:pt x="4702556" y="0"/>
                  </a:lnTo>
                  <a:close/>
                </a:path>
              </a:pathLst>
            </a:custGeom>
            <a:solidFill>
              <a:srgbClr val="FFFFFF"/>
            </a:solidFill>
          </p:spPr>
          <p:txBody>
            <a:bodyPr wrap="square" lIns="0" tIns="0" rIns="0" bIns="0" rtlCol="0"/>
            <a:lstStyle/>
            <a:p>
              <a:endParaRPr/>
            </a:p>
          </p:txBody>
        </p:sp>
        <p:sp>
          <p:nvSpPr>
            <p:cNvPr id="20" name="object 20"/>
            <p:cNvSpPr/>
            <p:nvPr/>
          </p:nvSpPr>
          <p:spPr>
            <a:xfrm>
              <a:off x="3983482" y="1871472"/>
              <a:ext cx="4848225" cy="873760"/>
            </a:xfrm>
            <a:custGeom>
              <a:avLst/>
              <a:gdLst/>
              <a:ahLst/>
              <a:cxnLst/>
              <a:rect l="l" t="t" r="r" b="b"/>
              <a:pathLst>
                <a:path w="4848225" h="873760">
                  <a:moveTo>
                    <a:pt x="760729" y="145541"/>
                  </a:moveTo>
                  <a:lnTo>
                    <a:pt x="768148" y="99535"/>
                  </a:lnTo>
                  <a:lnTo>
                    <a:pt x="788808" y="59582"/>
                  </a:lnTo>
                  <a:lnTo>
                    <a:pt x="820312" y="28078"/>
                  </a:lnTo>
                  <a:lnTo>
                    <a:pt x="860265" y="7418"/>
                  </a:lnTo>
                  <a:lnTo>
                    <a:pt x="906271" y="0"/>
                  </a:lnTo>
                  <a:lnTo>
                    <a:pt x="1441957" y="0"/>
                  </a:lnTo>
                  <a:lnTo>
                    <a:pt x="2463800" y="0"/>
                  </a:lnTo>
                  <a:lnTo>
                    <a:pt x="4702556" y="0"/>
                  </a:lnTo>
                  <a:lnTo>
                    <a:pt x="4748562" y="7418"/>
                  </a:lnTo>
                  <a:lnTo>
                    <a:pt x="4788515" y="28078"/>
                  </a:lnTo>
                  <a:lnTo>
                    <a:pt x="4820019" y="59582"/>
                  </a:lnTo>
                  <a:lnTo>
                    <a:pt x="4840679" y="99535"/>
                  </a:lnTo>
                  <a:lnTo>
                    <a:pt x="4848097" y="145541"/>
                  </a:lnTo>
                  <a:lnTo>
                    <a:pt x="4848097" y="363854"/>
                  </a:lnTo>
                  <a:lnTo>
                    <a:pt x="4848097" y="727710"/>
                  </a:lnTo>
                  <a:lnTo>
                    <a:pt x="4840679" y="773716"/>
                  </a:lnTo>
                  <a:lnTo>
                    <a:pt x="4820019" y="813669"/>
                  </a:lnTo>
                  <a:lnTo>
                    <a:pt x="4788515" y="845173"/>
                  </a:lnTo>
                  <a:lnTo>
                    <a:pt x="4748562" y="865833"/>
                  </a:lnTo>
                  <a:lnTo>
                    <a:pt x="4702556" y="873251"/>
                  </a:lnTo>
                  <a:lnTo>
                    <a:pt x="2463800" y="873251"/>
                  </a:lnTo>
                  <a:lnTo>
                    <a:pt x="1441957" y="873251"/>
                  </a:lnTo>
                  <a:lnTo>
                    <a:pt x="906271" y="873251"/>
                  </a:lnTo>
                  <a:lnTo>
                    <a:pt x="860265" y="865833"/>
                  </a:lnTo>
                  <a:lnTo>
                    <a:pt x="820312" y="845173"/>
                  </a:lnTo>
                  <a:lnTo>
                    <a:pt x="788808" y="813669"/>
                  </a:lnTo>
                  <a:lnTo>
                    <a:pt x="768148" y="773716"/>
                  </a:lnTo>
                  <a:lnTo>
                    <a:pt x="760729" y="727710"/>
                  </a:lnTo>
                  <a:lnTo>
                    <a:pt x="760729" y="363854"/>
                  </a:lnTo>
                  <a:lnTo>
                    <a:pt x="0" y="430149"/>
                  </a:lnTo>
                  <a:lnTo>
                    <a:pt x="760729" y="145541"/>
                  </a:lnTo>
                  <a:close/>
                </a:path>
              </a:pathLst>
            </a:custGeom>
            <a:ln w="12192">
              <a:solidFill>
                <a:srgbClr val="000000"/>
              </a:solidFill>
            </a:ln>
          </p:spPr>
          <p:txBody>
            <a:bodyPr wrap="square" lIns="0" tIns="0" rIns="0" bIns="0" rtlCol="0"/>
            <a:lstStyle/>
            <a:p>
              <a:endParaRPr/>
            </a:p>
          </p:txBody>
        </p:sp>
        <p:pic>
          <p:nvPicPr>
            <p:cNvPr id="21" name="object 21"/>
            <p:cNvPicPr/>
            <p:nvPr/>
          </p:nvPicPr>
          <p:blipFill>
            <a:blip r:embed="rId4" cstate="print"/>
            <a:stretch>
              <a:fillRect/>
            </a:stretch>
          </p:blipFill>
          <p:spPr>
            <a:xfrm>
              <a:off x="3534727" y="3594938"/>
              <a:ext cx="1200962" cy="1200962"/>
            </a:xfrm>
            <a:prstGeom prst="rect">
              <a:avLst/>
            </a:prstGeom>
          </p:spPr>
        </p:pic>
        <p:sp>
          <p:nvSpPr>
            <p:cNvPr id="22" name="object 22"/>
            <p:cNvSpPr/>
            <p:nvPr/>
          </p:nvSpPr>
          <p:spPr>
            <a:xfrm>
              <a:off x="3328416" y="4053839"/>
              <a:ext cx="490855" cy="143510"/>
            </a:xfrm>
            <a:custGeom>
              <a:avLst/>
              <a:gdLst/>
              <a:ahLst/>
              <a:cxnLst/>
              <a:rect l="l" t="t" r="r" b="b"/>
              <a:pathLst>
                <a:path w="490854" h="143510">
                  <a:moveTo>
                    <a:pt x="419100" y="0"/>
                  </a:moveTo>
                  <a:lnTo>
                    <a:pt x="419100" y="35814"/>
                  </a:lnTo>
                  <a:lnTo>
                    <a:pt x="71628" y="35814"/>
                  </a:lnTo>
                  <a:lnTo>
                    <a:pt x="71628" y="0"/>
                  </a:lnTo>
                  <a:lnTo>
                    <a:pt x="0" y="71628"/>
                  </a:lnTo>
                  <a:lnTo>
                    <a:pt x="71628" y="143256"/>
                  </a:lnTo>
                  <a:lnTo>
                    <a:pt x="71628" y="107442"/>
                  </a:lnTo>
                  <a:lnTo>
                    <a:pt x="419100" y="107442"/>
                  </a:lnTo>
                  <a:lnTo>
                    <a:pt x="419100" y="143256"/>
                  </a:lnTo>
                  <a:lnTo>
                    <a:pt x="490728" y="71628"/>
                  </a:lnTo>
                  <a:lnTo>
                    <a:pt x="419100" y="0"/>
                  </a:lnTo>
                  <a:close/>
                </a:path>
              </a:pathLst>
            </a:custGeom>
            <a:solidFill>
              <a:srgbClr val="000000"/>
            </a:solidFill>
          </p:spPr>
          <p:txBody>
            <a:bodyPr wrap="square" lIns="0" tIns="0" rIns="0" bIns="0" rtlCol="0"/>
            <a:lstStyle/>
            <a:p>
              <a:endParaRPr/>
            </a:p>
          </p:txBody>
        </p:sp>
        <p:sp>
          <p:nvSpPr>
            <p:cNvPr id="23" name="object 23"/>
            <p:cNvSpPr/>
            <p:nvPr/>
          </p:nvSpPr>
          <p:spPr>
            <a:xfrm>
              <a:off x="3328416" y="4053839"/>
              <a:ext cx="490855" cy="143510"/>
            </a:xfrm>
            <a:custGeom>
              <a:avLst/>
              <a:gdLst/>
              <a:ahLst/>
              <a:cxnLst/>
              <a:rect l="l" t="t" r="r" b="b"/>
              <a:pathLst>
                <a:path w="490854" h="143510">
                  <a:moveTo>
                    <a:pt x="0" y="71628"/>
                  </a:moveTo>
                  <a:lnTo>
                    <a:pt x="71628" y="0"/>
                  </a:lnTo>
                  <a:lnTo>
                    <a:pt x="71628" y="35814"/>
                  </a:lnTo>
                  <a:lnTo>
                    <a:pt x="419100" y="35814"/>
                  </a:lnTo>
                  <a:lnTo>
                    <a:pt x="419100" y="0"/>
                  </a:lnTo>
                  <a:lnTo>
                    <a:pt x="490728" y="71628"/>
                  </a:lnTo>
                  <a:lnTo>
                    <a:pt x="419100" y="143256"/>
                  </a:lnTo>
                  <a:lnTo>
                    <a:pt x="419100" y="107442"/>
                  </a:lnTo>
                  <a:lnTo>
                    <a:pt x="71628" y="107442"/>
                  </a:lnTo>
                  <a:lnTo>
                    <a:pt x="71628" y="143256"/>
                  </a:lnTo>
                  <a:lnTo>
                    <a:pt x="0" y="71628"/>
                  </a:lnTo>
                  <a:close/>
                </a:path>
              </a:pathLst>
            </a:custGeom>
            <a:ln w="12192">
              <a:solidFill>
                <a:srgbClr val="000000"/>
              </a:solidFill>
            </a:ln>
          </p:spPr>
          <p:txBody>
            <a:bodyPr wrap="square" lIns="0" tIns="0" rIns="0" bIns="0" rtlCol="0"/>
            <a:lstStyle/>
            <a:p>
              <a:endParaRPr/>
            </a:p>
          </p:txBody>
        </p:sp>
        <p:sp>
          <p:nvSpPr>
            <p:cNvPr id="24" name="object 24"/>
            <p:cNvSpPr/>
            <p:nvPr/>
          </p:nvSpPr>
          <p:spPr>
            <a:xfrm>
              <a:off x="2103628" y="4454651"/>
              <a:ext cx="939800" cy="1240790"/>
            </a:xfrm>
            <a:custGeom>
              <a:avLst/>
              <a:gdLst/>
              <a:ahLst/>
              <a:cxnLst/>
              <a:rect l="l" t="t" r="r" b="b"/>
              <a:pathLst>
                <a:path w="939800" h="1240789">
                  <a:moveTo>
                    <a:pt x="217170" y="194818"/>
                  </a:moveTo>
                  <a:lnTo>
                    <a:pt x="203098" y="144145"/>
                  </a:lnTo>
                  <a:lnTo>
                    <a:pt x="165227" y="7620"/>
                  </a:lnTo>
                  <a:lnTo>
                    <a:pt x="46609" y="161544"/>
                  </a:lnTo>
                  <a:lnTo>
                    <a:pt x="103403" y="172631"/>
                  </a:lnTo>
                  <a:lnTo>
                    <a:pt x="0" y="702691"/>
                  </a:lnTo>
                  <a:lnTo>
                    <a:pt x="56896" y="713740"/>
                  </a:lnTo>
                  <a:lnTo>
                    <a:pt x="160312" y="183730"/>
                  </a:lnTo>
                  <a:lnTo>
                    <a:pt x="217170" y="194818"/>
                  </a:lnTo>
                  <a:close/>
                </a:path>
                <a:path w="939800" h="1240789">
                  <a:moveTo>
                    <a:pt x="529082" y="174244"/>
                  </a:moveTo>
                  <a:lnTo>
                    <a:pt x="514642" y="144907"/>
                  </a:lnTo>
                  <a:lnTo>
                    <a:pt x="514515" y="144653"/>
                  </a:lnTo>
                  <a:lnTo>
                    <a:pt x="443357" y="0"/>
                  </a:lnTo>
                  <a:lnTo>
                    <a:pt x="355346" y="173228"/>
                  </a:lnTo>
                  <a:lnTo>
                    <a:pt x="413321" y="173570"/>
                  </a:lnTo>
                  <a:lnTo>
                    <a:pt x="406400" y="1240091"/>
                  </a:lnTo>
                  <a:lnTo>
                    <a:pt x="464312" y="1240472"/>
                  </a:lnTo>
                  <a:lnTo>
                    <a:pt x="471233" y="174244"/>
                  </a:lnTo>
                  <a:lnTo>
                    <a:pt x="471233" y="173913"/>
                  </a:lnTo>
                  <a:lnTo>
                    <a:pt x="529082" y="174244"/>
                  </a:lnTo>
                  <a:close/>
                </a:path>
                <a:path w="939800" h="1240789">
                  <a:moveTo>
                    <a:pt x="939800" y="896366"/>
                  </a:moveTo>
                  <a:lnTo>
                    <a:pt x="703846" y="190601"/>
                  </a:lnTo>
                  <a:lnTo>
                    <a:pt x="758825" y="172212"/>
                  </a:lnTo>
                  <a:lnTo>
                    <a:pt x="749782" y="163195"/>
                  </a:lnTo>
                  <a:lnTo>
                    <a:pt x="621284" y="35052"/>
                  </a:lnTo>
                  <a:lnTo>
                    <a:pt x="593979" y="227330"/>
                  </a:lnTo>
                  <a:lnTo>
                    <a:pt x="648881" y="208978"/>
                  </a:lnTo>
                  <a:lnTo>
                    <a:pt x="884936" y="914781"/>
                  </a:lnTo>
                  <a:lnTo>
                    <a:pt x="939800" y="896366"/>
                  </a:lnTo>
                  <a:close/>
                </a:path>
              </a:pathLst>
            </a:custGeom>
            <a:solidFill>
              <a:srgbClr val="1F3863"/>
            </a:solidFill>
          </p:spPr>
          <p:txBody>
            <a:bodyPr wrap="square" lIns="0" tIns="0" rIns="0" bIns="0" rtlCol="0"/>
            <a:lstStyle/>
            <a:p>
              <a:endParaRPr/>
            </a:p>
          </p:txBody>
        </p:sp>
      </p:grpSp>
      <p:sp>
        <p:nvSpPr>
          <p:cNvPr id="25" name="object 25"/>
          <p:cNvSpPr txBox="1"/>
          <p:nvPr/>
        </p:nvSpPr>
        <p:spPr>
          <a:xfrm>
            <a:off x="3206496" y="3995929"/>
            <a:ext cx="1655445" cy="297517"/>
          </a:xfrm>
          <a:prstGeom prst="rect">
            <a:avLst/>
          </a:prstGeom>
          <a:solidFill>
            <a:srgbClr val="F1F1F1"/>
          </a:solidFill>
        </p:spPr>
        <p:txBody>
          <a:bodyPr vert="horz" wrap="square" lIns="0" tIns="20320" rIns="0" bIns="0" rtlCol="0">
            <a:spAutoFit/>
          </a:bodyPr>
          <a:lstStyle/>
          <a:p>
            <a:pPr marL="92075">
              <a:spcBef>
                <a:spcPts val="160"/>
              </a:spcBef>
            </a:pPr>
            <a:r>
              <a:rPr b="1" spc="-10" dirty="0">
                <a:latin typeface="メイリオ"/>
                <a:cs typeface="メイリオ"/>
              </a:rPr>
              <a:t>ゲートウェイ</a:t>
            </a:r>
            <a:endParaRPr>
              <a:latin typeface="メイリオ"/>
              <a:cs typeface="メイリオ"/>
            </a:endParaRPr>
          </a:p>
        </p:txBody>
      </p:sp>
      <p:grpSp>
        <p:nvGrpSpPr>
          <p:cNvPr id="26" name="object 26"/>
          <p:cNvGrpSpPr/>
          <p:nvPr/>
        </p:nvGrpSpPr>
        <p:grpSpPr>
          <a:xfrm>
            <a:off x="3181858" y="3149854"/>
            <a:ext cx="1668145" cy="668020"/>
            <a:chOff x="1657857" y="3149854"/>
            <a:chExt cx="1668145" cy="668020"/>
          </a:xfrm>
        </p:grpSpPr>
        <p:sp>
          <p:nvSpPr>
            <p:cNvPr id="27" name="object 27"/>
            <p:cNvSpPr/>
            <p:nvPr/>
          </p:nvSpPr>
          <p:spPr>
            <a:xfrm>
              <a:off x="1664207" y="3229356"/>
              <a:ext cx="723900" cy="582295"/>
            </a:xfrm>
            <a:custGeom>
              <a:avLst/>
              <a:gdLst/>
              <a:ahLst/>
              <a:cxnLst/>
              <a:rect l="l" t="t" r="r" b="b"/>
              <a:pathLst>
                <a:path w="723900" h="582295">
                  <a:moveTo>
                    <a:pt x="542925" y="0"/>
                  </a:moveTo>
                  <a:lnTo>
                    <a:pt x="180975" y="0"/>
                  </a:lnTo>
                  <a:lnTo>
                    <a:pt x="180975" y="291084"/>
                  </a:lnTo>
                  <a:lnTo>
                    <a:pt x="0" y="291084"/>
                  </a:lnTo>
                  <a:lnTo>
                    <a:pt x="361950" y="582168"/>
                  </a:lnTo>
                  <a:lnTo>
                    <a:pt x="723900" y="291084"/>
                  </a:lnTo>
                  <a:lnTo>
                    <a:pt x="542925" y="291084"/>
                  </a:lnTo>
                  <a:lnTo>
                    <a:pt x="542925" y="0"/>
                  </a:lnTo>
                  <a:close/>
                </a:path>
              </a:pathLst>
            </a:custGeom>
            <a:solidFill>
              <a:srgbClr val="000000"/>
            </a:solidFill>
          </p:spPr>
          <p:txBody>
            <a:bodyPr wrap="square" lIns="0" tIns="0" rIns="0" bIns="0" rtlCol="0"/>
            <a:lstStyle/>
            <a:p>
              <a:endParaRPr/>
            </a:p>
          </p:txBody>
        </p:sp>
        <p:sp>
          <p:nvSpPr>
            <p:cNvPr id="28" name="object 28"/>
            <p:cNvSpPr/>
            <p:nvPr/>
          </p:nvSpPr>
          <p:spPr>
            <a:xfrm>
              <a:off x="1664207" y="3229356"/>
              <a:ext cx="723900" cy="582295"/>
            </a:xfrm>
            <a:custGeom>
              <a:avLst/>
              <a:gdLst/>
              <a:ahLst/>
              <a:cxnLst/>
              <a:rect l="l" t="t" r="r" b="b"/>
              <a:pathLst>
                <a:path w="723900" h="582295">
                  <a:moveTo>
                    <a:pt x="0" y="291084"/>
                  </a:moveTo>
                  <a:lnTo>
                    <a:pt x="180975" y="291084"/>
                  </a:lnTo>
                  <a:lnTo>
                    <a:pt x="180975" y="0"/>
                  </a:lnTo>
                  <a:lnTo>
                    <a:pt x="542925" y="0"/>
                  </a:lnTo>
                  <a:lnTo>
                    <a:pt x="542925" y="291084"/>
                  </a:lnTo>
                  <a:lnTo>
                    <a:pt x="723900" y="291084"/>
                  </a:lnTo>
                  <a:lnTo>
                    <a:pt x="361950" y="582168"/>
                  </a:lnTo>
                  <a:lnTo>
                    <a:pt x="0" y="291084"/>
                  </a:lnTo>
                  <a:close/>
                </a:path>
              </a:pathLst>
            </a:custGeom>
            <a:ln w="12191">
              <a:solidFill>
                <a:srgbClr val="000000"/>
              </a:solidFill>
            </a:ln>
          </p:spPr>
          <p:txBody>
            <a:bodyPr wrap="square" lIns="0" tIns="0" rIns="0" bIns="0" rtlCol="0"/>
            <a:lstStyle/>
            <a:p>
              <a:endParaRPr/>
            </a:p>
          </p:txBody>
        </p:sp>
        <p:sp>
          <p:nvSpPr>
            <p:cNvPr id="29" name="object 29"/>
            <p:cNvSpPr/>
            <p:nvPr/>
          </p:nvSpPr>
          <p:spPr>
            <a:xfrm>
              <a:off x="2595371" y="3156204"/>
              <a:ext cx="723900" cy="582295"/>
            </a:xfrm>
            <a:custGeom>
              <a:avLst/>
              <a:gdLst/>
              <a:ahLst/>
              <a:cxnLst/>
              <a:rect l="l" t="t" r="r" b="b"/>
              <a:pathLst>
                <a:path w="723900" h="582295">
                  <a:moveTo>
                    <a:pt x="361950" y="0"/>
                  </a:moveTo>
                  <a:lnTo>
                    <a:pt x="0" y="291084"/>
                  </a:lnTo>
                  <a:lnTo>
                    <a:pt x="180975" y="291084"/>
                  </a:lnTo>
                  <a:lnTo>
                    <a:pt x="180975" y="582168"/>
                  </a:lnTo>
                  <a:lnTo>
                    <a:pt x="542925" y="582168"/>
                  </a:lnTo>
                  <a:lnTo>
                    <a:pt x="542925" y="291084"/>
                  </a:lnTo>
                  <a:lnTo>
                    <a:pt x="723900" y="291084"/>
                  </a:lnTo>
                  <a:lnTo>
                    <a:pt x="361950" y="0"/>
                  </a:lnTo>
                  <a:close/>
                </a:path>
              </a:pathLst>
            </a:custGeom>
            <a:solidFill>
              <a:srgbClr val="000000"/>
            </a:solidFill>
          </p:spPr>
          <p:txBody>
            <a:bodyPr wrap="square" lIns="0" tIns="0" rIns="0" bIns="0" rtlCol="0"/>
            <a:lstStyle/>
            <a:p>
              <a:endParaRPr/>
            </a:p>
          </p:txBody>
        </p:sp>
        <p:sp>
          <p:nvSpPr>
            <p:cNvPr id="30" name="object 30"/>
            <p:cNvSpPr/>
            <p:nvPr/>
          </p:nvSpPr>
          <p:spPr>
            <a:xfrm>
              <a:off x="2595371" y="3156204"/>
              <a:ext cx="723900" cy="582295"/>
            </a:xfrm>
            <a:custGeom>
              <a:avLst/>
              <a:gdLst/>
              <a:ahLst/>
              <a:cxnLst/>
              <a:rect l="l" t="t" r="r" b="b"/>
              <a:pathLst>
                <a:path w="723900" h="582295">
                  <a:moveTo>
                    <a:pt x="723900" y="291084"/>
                  </a:moveTo>
                  <a:lnTo>
                    <a:pt x="542925" y="291084"/>
                  </a:lnTo>
                  <a:lnTo>
                    <a:pt x="542925" y="582168"/>
                  </a:lnTo>
                  <a:lnTo>
                    <a:pt x="180975" y="582168"/>
                  </a:lnTo>
                  <a:lnTo>
                    <a:pt x="180975" y="291084"/>
                  </a:lnTo>
                  <a:lnTo>
                    <a:pt x="0" y="291084"/>
                  </a:lnTo>
                  <a:lnTo>
                    <a:pt x="361950" y="0"/>
                  </a:lnTo>
                  <a:lnTo>
                    <a:pt x="723900" y="291084"/>
                  </a:lnTo>
                  <a:close/>
                </a:path>
              </a:pathLst>
            </a:custGeom>
            <a:ln w="12191">
              <a:solidFill>
                <a:srgbClr val="000000"/>
              </a:solidFill>
            </a:ln>
          </p:spPr>
          <p:txBody>
            <a:bodyPr wrap="square" lIns="0" tIns="0" rIns="0" bIns="0" rtlCol="0"/>
            <a:lstStyle/>
            <a:p>
              <a:endParaRPr/>
            </a:p>
          </p:txBody>
        </p:sp>
      </p:grpSp>
      <p:sp>
        <p:nvSpPr>
          <p:cNvPr id="31" name="object 31"/>
          <p:cNvSpPr txBox="1"/>
          <p:nvPr/>
        </p:nvSpPr>
        <p:spPr>
          <a:xfrm>
            <a:off x="1705763" y="613918"/>
            <a:ext cx="8552815" cy="2878993"/>
          </a:xfrm>
          <a:prstGeom prst="rect">
            <a:avLst/>
          </a:prstGeom>
        </p:spPr>
        <p:txBody>
          <a:bodyPr vert="horz" wrap="square" lIns="0" tIns="12700" rIns="0" bIns="0" rtlCol="0">
            <a:spAutoFit/>
          </a:bodyPr>
          <a:lstStyle/>
          <a:p>
            <a:pPr marL="12700" marR="458470">
              <a:spcBef>
                <a:spcPts val="100"/>
              </a:spcBef>
            </a:pPr>
            <a:r>
              <a:rPr spc="-10" dirty="0">
                <a:latin typeface="Century Gothic"/>
                <a:cs typeface="Century Gothic"/>
              </a:rPr>
              <a:t>IoT</a:t>
            </a:r>
            <a:r>
              <a:rPr spc="-5" dirty="0">
                <a:latin typeface="メイリオ"/>
                <a:cs typeface="メイリオ"/>
              </a:rPr>
              <a:t>ではセンサーなどから集まったデータはクラウドとよばれるサーバーに送信されてスーパーコンピュータによって、情報処理を行っている</a:t>
            </a:r>
            <a:endParaRPr>
              <a:latin typeface="メイリオ"/>
              <a:cs typeface="メイリオ"/>
            </a:endParaRPr>
          </a:p>
          <a:p>
            <a:pPr marL="4718685">
              <a:lnSpc>
                <a:spcPts val="2100"/>
              </a:lnSpc>
              <a:spcBef>
                <a:spcPts val="735"/>
              </a:spcBef>
            </a:pPr>
            <a:r>
              <a:rPr dirty="0">
                <a:latin typeface="ＭＳ ゴシック"/>
                <a:cs typeface="ＭＳ ゴシック"/>
              </a:rPr>
              <a:t>※</a:t>
            </a:r>
            <a:r>
              <a:rPr spc="-5" dirty="0">
                <a:latin typeface="メイリオ"/>
                <a:cs typeface="メイリオ"/>
              </a:rPr>
              <a:t>スマートハウスを例に考える</a:t>
            </a:r>
            <a:endParaRPr>
              <a:latin typeface="メイリオ"/>
              <a:cs typeface="メイリオ"/>
            </a:endParaRPr>
          </a:p>
          <a:p>
            <a:pPr marL="1510665">
              <a:lnSpc>
                <a:spcPts val="2100"/>
              </a:lnSpc>
            </a:pPr>
            <a:r>
              <a:rPr b="1" dirty="0">
                <a:latin typeface="メイリオ"/>
                <a:cs typeface="メイリオ"/>
              </a:rPr>
              <a:t>クラウド（スパコン</a:t>
            </a:r>
            <a:r>
              <a:rPr b="1" spc="-50" dirty="0">
                <a:latin typeface="メイリオ"/>
                <a:cs typeface="メイリオ"/>
              </a:rPr>
              <a:t>）</a:t>
            </a:r>
            <a:endParaRPr>
              <a:latin typeface="メイリオ"/>
              <a:cs typeface="メイリオ"/>
            </a:endParaRPr>
          </a:p>
          <a:p>
            <a:pPr marL="4653280">
              <a:spcBef>
                <a:spcPts val="1650"/>
              </a:spcBef>
            </a:pPr>
            <a:r>
              <a:rPr spc="-5" dirty="0">
                <a:latin typeface="メイリオ"/>
                <a:cs typeface="メイリオ"/>
              </a:rPr>
              <a:t>③クラウド内のスパコンで情報を処理</a:t>
            </a:r>
            <a:endParaRPr>
              <a:latin typeface="メイリオ"/>
              <a:cs typeface="メイリオ"/>
            </a:endParaRPr>
          </a:p>
          <a:p>
            <a:pPr marL="4653280"/>
            <a:r>
              <a:rPr spc="-10" dirty="0">
                <a:latin typeface="Century Gothic"/>
                <a:cs typeface="Century Gothic"/>
              </a:rPr>
              <a:t>→</a:t>
            </a:r>
            <a:r>
              <a:rPr spc="-15" dirty="0">
                <a:latin typeface="メイリオ"/>
                <a:cs typeface="メイリオ"/>
              </a:rPr>
              <a:t>分析結果をフィードバック</a:t>
            </a:r>
            <a:endParaRPr>
              <a:latin typeface="メイリオ"/>
              <a:cs typeface="メイリオ"/>
            </a:endParaRPr>
          </a:p>
          <a:p>
            <a:pPr>
              <a:spcBef>
                <a:spcPts val="455"/>
              </a:spcBef>
            </a:pPr>
            <a:endParaRPr>
              <a:latin typeface="メイリオ"/>
              <a:cs typeface="メイリオ"/>
            </a:endParaRPr>
          </a:p>
          <a:p>
            <a:pPr marL="3910965" marR="1661795">
              <a:lnSpc>
                <a:spcPct val="103299"/>
              </a:lnSpc>
            </a:pPr>
            <a:r>
              <a:rPr b="1" spc="-5" dirty="0">
                <a:latin typeface="メイリオ"/>
                <a:cs typeface="メイリオ"/>
              </a:rPr>
              <a:t>スマートフォンなどの端末で</a:t>
            </a:r>
            <a:r>
              <a:rPr b="1" spc="45" dirty="0">
                <a:latin typeface="メイリオ"/>
                <a:cs typeface="メイリオ"/>
              </a:rPr>
              <a:t>モニター・操作可能！</a:t>
            </a:r>
            <a:endParaRPr>
              <a:latin typeface="メイリオ"/>
              <a:cs typeface="メイリオ"/>
            </a:endParaRPr>
          </a:p>
        </p:txBody>
      </p:sp>
      <p:grpSp>
        <p:nvGrpSpPr>
          <p:cNvPr id="33" name="object 33"/>
          <p:cNvGrpSpPr/>
          <p:nvPr/>
        </p:nvGrpSpPr>
        <p:grpSpPr>
          <a:xfrm>
            <a:off x="2342389" y="4506468"/>
            <a:ext cx="3455035" cy="2251075"/>
            <a:chOff x="818388" y="4506467"/>
            <a:chExt cx="3455035" cy="2251075"/>
          </a:xfrm>
        </p:grpSpPr>
        <p:sp>
          <p:nvSpPr>
            <p:cNvPr id="34" name="object 34"/>
            <p:cNvSpPr/>
            <p:nvPr/>
          </p:nvSpPr>
          <p:spPr>
            <a:xfrm>
              <a:off x="2979420" y="4506467"/>
              <a:ext cx="1036319" cy="1626235"/>
            </a:xfrm>
            <a:custGeom>
              <a:avLst/>
              <a:gdLst/>
              <a:ahLst/>
              <a:cxnLst/>
              <a:rect l="l" t="t" r="r" b="b"/>
              <a:pathLst>
                <a:path w="1036320" h="1626235">
                  <a:moveTo>
                    <a:pt x="116905" y="131753"/>
                  </a:moveTo>
                  <a:lnTo>
                    <a:pt x="67834" y="162534"/>
                  </a:lnTo>
                  <a:lnTo>
                    <a:pt x="987044" y="1625638"/>
                  </a:lnTo>
                  <a:lnTo>
                    <a:pt x="1036066" y="1594827"/>
                  </a:lnTo>
                  <a:lnTo>
                    <a:pt x="116905" y="131753"/>
                  </a:lnTo>
                  <a:close/>
                </a:path>
                <a:path w="1036320" h="1626235">
                  <a:moveTo>
                    <a:pt x="0" y="0"/>
                  </a:moveTo>
                  <a:lnTo>
                    <a:pt x="18796" y="193293"/>
                  </a:lnTo>
                  <a:lnTo>
                    <a:pt x="67834" y="162534"/>
                  </a:lnTo>
                  <a:lnTo>
                    <a:pt x="52450" y="138048"/>
                  </a:lnTo>
                  <a:lnTo>
                    <a:pt x="101473" y="107187"/>
                  </a:lnTo>
                  <a:lnTo>
                    <a:pt x="156068" y="107187"/>
                  </a:lnTo>
                  <a:lnTo>
                    <a:pt x="165988" y="100964"/>
                  </a:lnTo>
                  <a:lnTo>
                    <a:pt x="0" y="0"/>
                  </a:lnTo>
                  <a:close/>
                </a:path>
                <a:path w="1036320" h="1626235">
                  <a:moveTo>
                    <a:pt x="101473" y="107187"/>
                  </a:moveTo>
                  <a:lnTo>
                    <a:pt x="52450" y="138048"/>
                  </a:lnTo>
                  <a:lnTo>
                    <a:pt x="67834" y="162534"/>
                  </a:lnTo>
                  <a:lnTo>
                    <a:pt x="116905" y="131753"/>
                  </a:lnTo>
                  <a:lnTo>
                    <a:pt x="101473" y="107187"/>
                  </a:lnTo>
                  <a:close/>
                </a:path>
                <a:path w="1036320" h="1626235">
                  <a:moveTo>
                    <a:pt x="156068" y="107187"/>
                  </a:moveTo>
                  <a:lnTo>
                    <a:pt x="101473" y="107187"/>
                  </a:lnTo>
                  <a:lnTo>
                    <a:pt x="116905" y="131753"/>
                  </a:lnTo>
                  <a:lnTo>
                    <a:pt x="156068" y="107187"/>
                  </a:lnTo>
                  <a:close/>
                </a:path>
              </a:pathLst>
            </a:custGeom>
            <a:solidFill>
              <a:srgbClr val="1F3863"/>
            </a:solidFill>
          </p:spPr>
          <p:txBody>
            <a:bodyPr wrap="square" lIns="0" tIns="0" rIns="0" bIns="0" rtlCol="0"/>
            <a:lstStyle/>
            <a:p>
              <a:endParaRPr/>
            </a:p>
          </p:txBody>
        </p:sp>
        <p:pic>
          <p:nvPicPr>
            <p:cNvPr id="35" name="object 35"/>
            <p:cNvPicPr/>
            <p:nvPr/>
          </p:nvPicPr>
          <p:blipFill>
            <a:blip r:embed="rId5" cstate="print"/>
            <a:stretch>
              <a:fillRect/>
            </a:stretch>
          </p:blipFill>
          <p:spPr>
            <a:xfrm>
              <a:off x="818388" y="5728715"/>
              <a:ext cx="920496" cy="920496"/>
            </a:xfrm>
            <a:prstGeom prst="rect">
              <a:avLst/>
            </a:prstGeom>
          </p:spPr>
        </p:pic>
        <p:pic>
          <p:nvPicPr>
            <p:cNvPr id="36" name="object 36"/>
            <p:cNvPicPr/>
            <p:nvPr/>
          </p:nvPicPr>
          <p:blipFill>
            <a:blip r:embed="rId6" cstate="print"/>
            <a:stretch>
              <a:fillRect/>
            </a:stretch>
          </p:blipFill>
          <p:spPr>
            <a:xfrm>
              <a:off x="1251673" y="5053634"/>
              <a:ext cx="1147102" cy="618693"/>
            </a:xfrm>
            <a:prstGeom prst="rect">
              <a:avLst/>
            </a:prstGeom>
          </p:spPr>
        </p:pic>
        <p:pic>
          <p:nvPicPr>
            <p:cNvPr id="37" name="object 37"/>
            <p:cNvPicPr/>
            <p:nvPr/>
          </p:nvPicPr>
          <p:blipFill>
            <a:blip r:embed="rId7" cstate="print"/>
            <a:stretch>
              <a:fillRect/>
            </a:stretch>
          </p:blipFill>
          <p:spPr>
            <a:xfrm>
              <a:off x="1935480" y="5733287"/>
              <a:ext cx="1024128" cy="1024128"/>
            </a:xfrm>
            <a:prstGeom prst="rect">
              <a:avLst/>
            </a:prstGeom>
          </p:spPr>
        </p:pic>
        <p:pic>
          <p:nvPicPr>
            <p:cNvPr id="38" name="object 38"/>
            <p:cNvPicPr/>
            <p:nvPr/>
          </p:nvPicPr>
          <p:blipFill>
            <a:blip r:embed="rId8" cstate="print"/>
            <a:stretch>
              <a:fillRect/>
            </a:stretch>
          </p:blipFill>
          <p:spPr>
            <a:xfrm>
              <a:off x="2702052" y="4931663"/>
              <a:ext cx="1106424" cy="1048512"/>
            </a:xfrm>
            <a:prstGeom prst="rect">
              <a:avLst/>
            </a:prstGeom>
          </p:spPr>
        </p:pic>
        <p:pic>
          <p:nvPicPr>
            <p:cNvPr id="39" name="object 39"/>
            <p:cNvPicPr/>
            <p:nvPr/>
          </p:nvPicPr>
          <p:blipFill>
            <a:blip r:embed="rId9" cstate="print"/>
            <a:stretch>
              <a:fillRect/>
            </a:stretch>
          </p:blipFill>
          <p:spPr>
            <a:xfrm>
              <a:off x="3139439" y="5618986"/>
              <a:ext cx="1133856" cy="1133856"/>
            </a:xfrm>
            <a:prstGeom prst="rect">
              <a:avLst/>
            </a:prstGeom>
          </p:spPr>
        </p:pic>
      </p:grpSp>
      <p:sp>
        <p:nvSpPr>
          <p:cNvPr id="40" name="object 40"/>
          <p:cNvSpPr txBox="1"/>
          <p:nvPr/>
        </p:nvSpPr>
        <p:spPr>
          <a:xfrm>
            <a:off x="2128519" y="5040629"/>
            <a:ext cx="482600" cy="299720"/>
          </a:xfrm>
          <a:prstGeom prst="rect">
            <a:avLst/>
          </a:prstGeom>
        </p:spPr>
        <p:txBody>
          <a:bodyPr vert="horz" wrap="square" lIns="0" tIns="12700" rIns="0" bIns="0" rtlCol="0">
            <a:spAutoFit/>
          </a:bodyPr>
          <a:lstStyle/>
          <a:p>
            <a:pPr marL="12700">
              <a:spcBef>
                <a:spcPts val="100"/>
              </a:spcBef>
            </a:pPr>
            <a:r>
              <a:rPr b="1" spc="-25" dirty="0">
                <a:latin typeface="メイリオ"/>
                <a:cs typeface="メイリオ"/>
              </a:rPr>
              <a:t>家電</a:t>
            </a:r>
            <a:endParaRPr>
              <a:latin typeface="メイリオ"/>
              <a:cs typeface="メイリオ"/>
            </a:endParaRPr>
          </a:p>
        </p:txBody>
      </p:sp>
      <p:sp>
        <p:nvSpPr>
          <p:cNvPr id="41" name="object 41"/>
          <p:cNvSpPr txBox="1"/>
          <p:nvPr/>
        </p:nvSpPr>
        <p:spPr>
          <a:xfrm>
            <a:off x="7827010" y="6451072"/>
            <a:ext cx="2531745" cy="291105"/>
          </a:xfrm>
          <a:prstGeom prst="rect">
            <a:avLst/>
          </a:prstGeom>
        </p:spPr>
        <p:txBody>
          <a:bodyPr vert="horz" wrap="square" lIns="0" tIns="13970" rIns="0" bIns="0" rtlCol="0">
            <a:spAutoFit/>
          </a:bodyPr>
          <a:lstStyle/>
          <a:p>
            <a:pPr marL="12700">
              <a:spcBef>
                <a:spcPts val="110"/>
              </a:spcBef>
              <a:tabLst>
                <a:tab pos="1612900" algn="l"/>
              </a:tabLst>
            </a:pPr>
            <a:r>
              <a:rPr b="1" spc="-10" dirty="0">
                <a:latin typeface="メイリオ"/>
                <a:cs typeface="メイリオ"/>
              </a:rPr>
              <a:t>理工学図書</a:t>
            </a:r>
            <a:r>
              <a:rPr b="1" spc="-50" dirty="0">
                <a:latin typeface="メイリオ"/>
                <a:cs typeface="メイリオ"/>
              </a:rPr>
              <a:t>館</a:t>
            </a:r>
            <a:r>
              <a:rPr b="1" dirty="0">
                <a:latin typeface="メイリオ"/>
                <a:cs typeface="メイリオ"/>
              </a:rPr>
              <a:t>	</a:t>
            </a:r>
            <a:r>
              <a:rPr b="1" spc="-10" dirty="0">
                <a:latin typeface="Century Gothic"/>
                <a:cs typeface="Century Gothic"/>
              </a:rPr>
              <a:t>LS</a:t>
            </a:r>
            <a:r>
              <a:rPr b="1" spc="-10" dirty="0">
                <a:latin typeface="メイリオ"/>
                <a:cs typeface="メイリオ"/>
              </a:rPr>
              <a:t>講習</a:t>
            </a:r>
            <a:r>
              <a:rPr b="1" spc="-50" dirty="0">
                <a:latin typeface="メイリオ"/>
                <a:cs typeface="メイリオ"/>
              </a:rPr>
              <a:t>会</a:t>
            </a:r>
            <a:endParaRPr>
              <a:latin typeface="メイリオ"/>
              <a:cs typeface="メイリオ"/>
            </a:endParaRPr>
          </a:p>
        </p:txBody>
      </p:sp>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p:nvPr/>
        </p:nvSpPr>
        <p:spPr>
          <a:xfrm>
            <a:off x="1880083" y="1758146"/>
            <a:ext cx="7937500" cy="645160"/>
          </a:xfrm>
          <a:prstGeom prst="rect">
            <a:avLst/>
          </a:prstGeom>
        </p:spPr>
        <p:txBody>
          <a:bodyPr vert="horz" wrap="square" lIns="0" tIns="13335" rIns="0" bIns="0" rtlCol="0">
            <a:spAutoFit/>
          </a:bodyPr>
          <a:lstStyle/>
          <a:p>
            <a:pPr marL="298450" indent="-285750">
              <a:spcBef>
                <a:spcPts val="105"/>
              </a:spcBef>
              <a:buFont typeface="Wingdings"/>
              <a:buChar char=""/>
              <a:tabLst>
                <a:tab pos="298450" algn="l"/>
              </a:tabLst>
            </a:pPr>
            <a:r>
              <a:rPr sz="2000" b="1" spc="-20" dirty="0">
                <a:solidFill>
                  <a:srgbClr val="001F5F"/>
                </a:solidFill>
                <a:latin typeface="メイリオ"/>
                <a:cs typeface="メイリオ"/>
              </a:rPr>
              <a:t>時系列データから高速で学習できるリザバーコンピューティングは</a:t>
            </a:r>
            <a:endParaRPr sz="2000" dirty="0">
              <a:latin typeface="メイリオ"/>
              <a:cs typeface="メイリオ"/>
            </a:endParaRPr>
          </a:p>
          <a:p>
            <a:pPr marL="299085">
              <a:spcBef>
                <a:spcPts val="70"/>
              </a:spcBef>
            </a:pPr>
            <a:r>
              <a:rPr sz="2000" b="1" spc="-10" dirty="0">
                <a:solidFill>
                  <a:srgbClr val="001F5F"/>
                </a:solidFill>
                <a:latin typeface="Century Gothic"/>
                <a:cs typeface="Century Gothic"/>
              </a:rPr>
              <a:t>IoT</a:t>
            </a:r>
            <a:r>
              <a:rPr sz="2000" b="1" spc="-20" dirty="0">
                <a:solidFill>
                  <a:srgbClr val="001F5F"/>
                </a:solidFill>
                <a:latin typeface="メイリオ"/>
                <a:cs typeface="メイリオ"/>
              </a:rPr>
              <a:t>の次世代技術として注目されている。</a:t>
            </a:r>
            <a:endParaRPr sz="2000" dirty="0">
              <a:latin typeface="メイリオ"/>
              <a:cs typeface="メイリオ"/>
            </a:endParaRPr>
          </a:p>
        </p:txBody>
      </p:sp>
      <p:sp>
        <p:nvSpPr>
          <p:cNvPr id="4" name="object 4"/>
          <p:cNvSpPr txBox="1"/>
          <p:nvPr/>
        </p:nvSpPr>
        <p:spPr>
          <a:xfrm>
            <a:off x="1880718" y="2913633"/>
            <a:ext cx="7936865" cy="949960"/>
          </a:xfrm>
          <a:prstGeom prst="rect">
            <a:avLst/>
          </a:prstGeom>
        </p:spPr>
        <p:txBody>
          <a:bodyPr vert="horz" wrap="square" lIns="0" tIns="8255" rIns="0" bIns="0" rtlCol="0">
            <a:spAutoFit/>
          </a:bodyPr>
          <a:lstStyle/>
          <a:p>
            <a:pPr marL="297815" marR="5080" indent="-285750" algn="just">
              <a:lnSpc>
                <a:spcPct val="101499"/>
              </a:lnSpc>
              <a:spcBef>
                <a:spcPts val="65"/>
              </a:spcBef>
              <a:buFont typeface="Wingdings"/>
              <a:buChar char=""/>
              <a:tabLst>
                <a:tab pos="299085" algn="l"/>
              </a:tabLst>
            </a:pPr>
            <a:r>
              <a:rPr sz="2000" b="1" spc="-20" dirty="0">
                <a:solidFill>
                  <a:srgbClr val="001F5F"/>
                </a:solidFill>
                <a:latin typeface="メイリオ"/>
                <a:cs typeface="メイリオ"/>
              </a:rPr>
              <a:t>様々な物理現象を利用したリザバーコンピューティングに特化した	デバイスが提案されたり、ロボットの制御などにも応用が期待され	</a:t>
            </a:r>
            <a:r>
              <a:rPr sz="2000" b="1" spc="-15" dirty="0">
                <a:solidFill>
                  <a:srgbClr val="001F5F"/>
                </a:solidFill>
                <a:latin typeface="メイリオ"/>
                <a:cs typeface="メイリオ"/>
              </a:rPr>
              <a:t>ている。</a:t>
            </a:r>
            <a:endParaRPr sz="2000">
              <a:latin typeface="メイリオ"/>
              <a:cs typeface="メイリオ"/>
            </a:endParaRPr>
          </a:p>
        </p:txBody>
      </p:sp>
      <p:sp>
        <p:nvSpPr>
          <p:cNvPr id="5" name="object 5"/>
          <p:cNvSpPr txBox="1"/>
          <p:nvPr/>
        </p:nvSpPr>
        <p:spPr>
          <a:xfrm>
            <a:off x="1880083" y="4373920"/>
            <a:ext cx="7936865" cy="645160"/>
          </a:xfrm>
          <a:prstGeom prst="rect">
            <a:avLst/>
          </a:prstGeom>
        </p:spPr>
        <p:txBody>
          <a:bodyPr vert="horz" wrap="square" lIns="0" tIns="3810" rIns="0" bIns="0" rtlCol="0">
            <a:spAutoFit/>
          </a:bodyPr>
          <a:lstStyle/>
          <a:p>
            <a:pPr marL="297815" marR="5080" indent="-285750">
              <a:lnSpc>
                <a:spcPct val="103000"/>
              </a:lnSpc>
              <a:spcBef>
                <a:spcPts val="30"/>
              </a:spcBef>
              <a:buFont typeface="Wingdings"/>
              <a:buChar char=""/>
              <a:tabLst>
                <a:tab pos="299085" algn="l"/>
              </a:tabLst>
            </a:pPr>
            <a:r>
              <a:rPr sz="2000" b="1" spc="-20" dirty="0">
                <a:solidFill>
                  <a:srgbClr val="001F5F"/>
                </a:solidFill>
                <a:latin typeface="メイリオ"/>
                <a:cs typeface="メイリオ"/>
              </a:rPr>
              <a:t>リザバーコンピューティングが実用化まで至っているケースはまだ	まだ少なく、これから性能の検証や導入が進んでいくと思われる。</a:t>
            </a:r>
            <a:endParaRPr sz="2000" dirty="0">
              <a:latin typeface="メイリオ"/>
              <a:cs typeface="メイリオ"/>
            </a:endParaRPr>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a:extLst>
              <a:ext uri="{FF2B5EF4-FFF2-40B4-BE49-F238E27FC236}">
                <a16:creationId xmlns:a16="http://schemas.microsoft.com/office/drawing/2014/main" id="{5C3BB4D4-F81C-20CA-97F6-9FA0B56955E9}"/>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ご説明の流れ</a:t>
            </a:r>
          </a:p>
        </p:txBody>
      </p:sp>
      <p:sp>
        <p:nvSpPr>
          <p:cNvPr id="2" name="四角形: 角を丸くする 1">
            <a:extLst>
              <a:ext uri="{FF2B5EF4-FFF2-40B4-BE49-F238E27FC236}">
                <a16:creationId xmlns:a16="http://schemas.microsoft.com/office/drawing/2014/main" id="{F352FB83-8AD4-C1B6-AE66-0A6779029633}"/>
              </a:ext>
            </a:extLst>
          </p:cNvPr>
          <p:cNvSpPr/>
          <p:nvPr/>
        </p:nvSpPr>
        <p:spPr>
          <a:xfrm>
            <a:off x="1522639" y="3537047"/>
            <a:ext cx="9582150" cy="715508"/>
          </a:xfrm>
          <a:prstGeom prst="roundRect">
            <a:avLst/>
          </a:prstGeom>
          <a:solidFill>
            <a:schemeClr val="accent5">
              <a:lumMod val="75000"/>
            </a:schemeClr>
          </a:solidFill>
          <a:ln>
            <a:noFill/>
          </a:ln>
          <a:effectLst>
            <a:glow rad="228600">
              <a:schemeClr val="accent4">
                <a:satMod val="175000"/>
                <a:alpha val="40000"/>
              </a:schemeClr>
            </a:glow>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200" dirty="0">
                <a:latin typeface="BIZ UDPゴシック" panose="020B0400000000000000" pitchFamily="50" charset="-128"/>
                <a:ea typeface="BIZ UDPゴシック" panose="020B0400000000000000" pitchFamily="50" charset="-128"/>
              </a:rPr>
              <a:t>ゲーム</a:t>
            </a:r>
            <a:r>
              <a:rPr kumimoji="1" lang="ja-JP" altLang="en-US" sz="3200" dirty="0">
                <a:latin typeface="BIZ UDPゴシック" panose="020B0400000000000000" pitchFamily="50" charset="-128"/>
                <a:ea typeface="BIZ UDPゴシック" panose="020B0400000000000000" pitchFamily="50" charset="-128"/>
              </a:rPr>
              <a:t>するハイドロゲル</a:t>
            </a:r>
          </a:p>
        </p:txBody>
      </p:sp>
      <p:sp>
        <p:nvSpPr>
          <p:cNvPr id="7" name="四角形: 角を丸くする 6">
            <a:extLst>
              <a:ext uri="{FF2B5EF4-FFF2-40B4-BE49-F238E27FC236}">
                <a16:creationId xmlns:a16="http://schemas.microsoft.com/office/drawing/2014/main" id="{CDA4A318-7DD1-7A24-5C41-63E90C73B402}"/>
              </a:ext>
            </a:extLst>
          </p:cNvPr>
          <p:cNvSpPr/>
          <p:nvPr/>
        </p:nvSpPr>
        <p:spPr>
          <a:xfrm>
            <a:off x="1522639" y="779052"/>
            <a:ext cx="9582150" cy="715508"/>
          </a:xfrm>
          <a:prstGeom prst="roundRect">
            <a:avLst/>
          </a:prstGeom>
          <a:solidFill>
            <a:srgbClr val="C00000"/>
          </a:solidFill>
          <a:ln>
            <a:noFill/>
          </a:ln>
          <a:effectLst>
            <a:glow rad="228600">
              <a:schemeClr val="accent4">
                <a:satMod val="175000"/>
                <a:alpha val="40000"/>
              </a:schemeClr>
            </a:glow>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3200" dirty="0">
                <a:latin typeface="BIZ UDPゴシック" panose="020B0400000000000000" pitchFamily="50" charset="-128"/>
                <a:ea typeface="BIZ UDPゴシック" panose="020B0400000000000000" pitchFamily="50" charset="-128"/>
              </a:rPr>
              <a:t>はじめに</a:t>
            </a:r>
          </a:p>
        </p:txBody>
      </p:sp>
      <p:sp>
        <p:nvSpPr>
          <p:cNvPr id="12" name="四角形: 角を丸くする 11">
            <a:extLst>
              <a:ext uri="{FF2B5EF4-FFF2-40B4-BE49-F238E27FC236}">
                <a16:creationId xmlns:a16="http://schemas.microsoft.com/office/drawing/2014/main" id="{CE43F072-9A11-C367-B28C-721CD30E6612}"/>
              </a:ext>
            </a:extLst>
          </p:cNvPr>
          <p:cNvSpPr/>
          <p:nvPr/>
        </p:nvSpPr>
        <p:spPr>
          <a:xfrm>
            <a:off x="1522639" y="1669621"/>
            <a:ext cx="9582150" cy="715508"/>
          </a:xfrm>
          <a:prstGeom prst="roundRect">
            <a:avLst/>
          </a:prstGeom>
          <a:solidFill>
            <a:schemeClr val="accent4">
              <a:lumMod val="50000"/>
            </a:schemeClr>
          </a:solidFill>
          <a:ln>
            <a:noFill/>
          </a:ln>
          <a:effectLst>
            <a:glow rad="228600">
              <a:schemeClr val="accent4">
                <a:satMod val="175000"/>
                <a:alpha val="40000"/>
              </a:schemeClr>
            </a:glow>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200" dirty="0">
                <a:latin typeface="BIZ UDPゴシック" panose="020B0400000000000000" pitchFamily="50" charset="-128"/>
                <a:ea typeface="BIZ UDPゴシック" panose="020B0400000000000000" pitchFamily="50" charset="-128"/>
              </a:rPr>
              <a:t>リザーバ計算とは</a:t>
            </a:r>
            <a:endParaRPr kumimoji="1" lang="ja-JP" altLang="en-US" sz="3200" dirty="0">
              <a:latin typeface="BIZ UDPゴシック" panose="020B0400000000000000" pitchFamily="50" charset="-128"/>
              <a:ea typeface="BIZ UDPゴシック" panose="020B0400000000000000" pitchFamily="50" charset="-128"/>
            </a:endParaRPr>
          </a:p>
        </p:txBody>
      </p:sp>
      <p:sp>
        <p:nvSpPr>
          <p:cNvPr id="14" name="四角形: 角を丸くする 13">
            <a:extLst>
              <a:ext uri="{FF2B5EF4-FFF2-40B4-BE49-F238E27FC236}">
                <a16:creationId xmlns:a16="http://schemas.microsoft.com/office/drawing/2014/main" id="{5619635C-A20C-0BDD-1FF5-C0B8042F0D8B}"/>
              </a:ext>
            </a:extLst>
          </p:cNvPr>
          <p:cNvSpPr/>
          <p:nvPr/>
        </p:nvSpPr>
        <p:spPr>
          <a:xfrm>
            <a:off x="1522639" y="2599715"/>
            <a:ext cx="9582150" cy="715508"/>
          </a:xfrm>
          <a:prstGeom prst="roundRect">
            <a:avLst/>
          </a:prstGeom>
          <a:solidFill>
            <a:schemeClr val="accent2">
              <a:lumMod val="60000"/>
              <a:lumOff val="40000"/>
            </a:schemeClr>
          </a:solidFill>
          <a:ln>
            <a:noFill/>
          </a:ln>
          <a:effectLst>
            <a:glow rad="228600">
              <a:schemeClr val="accent4">
                <a:satMod val="175000"/>
                <a:alpha val="40000"/>
              </a:schemeClr>
            </a:glow>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3200" dirty="0">
                <a:solidFill>
                  <a:schemeClr val="tx1"/>
                </a:solidFill>
                <a:latin typeface="BIZ UDPゴシック" panose="020B0400000000000000" pitchFamily="50" charset="-128"/>
                <a:ea typeface="BIZ UDPゴシック" panose="020B0400000000000000" pitchFamily="50" charset="-128"/>
              </a:rPr>
              <a:t>物理リザーバ計算とスピンメモリスタ</a:t>
            </a:r>
          </a:p>
        </p:txBody>
      </p:sp>
      <p:sp>
        <p:nvSpPr>
          <p:cNvPr id="22" name="四角形: 角を丸くする 21">
            <a:extLst>
              <a:ext uri="{FF2B5EF4-FFF2-40B4-BE49-F238E27FC236}">
                <a16:creationId xmlns:a16="http://schemas.microsoft.com/office/drawing/2014/main" id="{914893D5-4BD6-8373-BCBA-365D71884DD6}"/>
              </a:ext>
            </a:extLst>
          </p:cNvPr>
          <p:cNvSpPr/>
          <p:nvPr/>
        </p:nvSpPr>
        <p:spPr>
          <a:xfrm>
            <a:off x="1522639" y="4430161"/>
            <a:ext cx="9582150" cy="715508"/>
          </a:xfrm>
          <a:prstGeom prst="roundRect">
            <a:avLst/>
          </a:prstGeom>
          <a:solidFill>
            <a:srgbClr val="7030A0"/>
          </a:solidFill>
          <a:ln>
            <a:noFill/>
          </a:ln>
          <a:effectLst>
            <a:glow rad="228600">
              <a:schemeClr val="accent4">
                <a:satMod val="175000"/>
                <a:alpha val="40000"/>
              </a:schemeClr>
            </a:glow>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3200" dirty="0">
                <a:latin typeface="BIZ UDPゴシック" panose="020B0400000000000000" pitchFamily="50" charset="-128"/>
                <a:ea typeface="BIZ UDPゴシック" panose="020B0400000000000000" pitchFamily="50" charset="-128"/>
              </a:rPr>
              <a:t>リザーバコンピューティングと人工知能</a:t>
            </a:r>
          </a:p>
        </p:txBody>
      </p:sp>
      <p:sp>
        <p:nvSpPr>
          <p:cNvPr id="24" name="四角形: 角を丸くする 23">
            <a:extLst>
              <a:ext uri="{FF2B5EF4-FFF2-40B4-BE49-F238E27FC236}">
                <a16:creationId xmlns:a16="http://schemas.microsoft.com/office/drawing/2014/main" id="{A0C453C8-CBAB-1130-9CB4-5F8BB7ED6D44}"/>
              </a:ext>
            </a:extLst>
          </p:cNvPr>
          <p:cNvSpPr/>
          <p:nvPr/>
        </p:nvSpPr>
        <p:spPr>
          <a:xfrm>
            <a:off x="1522640" y="5384835"/>
            <a:ext cx="8960304" cy="715508"/>
          </a:xfrm>
          <a:prstGeom prst="roundRect">
            <a:avLst/>
          </a:prstGeom>
          <a:solidFill>
            <a:schemeClr val="bg1">
              <a:lumMod val="85000"/>
            </a:schemeClr>
          </a:solidFill>
          <a:ln>
            <a:noFill/>
          </a:ln>
          <a:effectLst>
            <a:glow rad="228600">
              <a:schemeClr val="accent4">
                <a:satMod val="175000"/>
                <a:alpha val="40000"/>
              </a:schemeClr>
            </a:glow>
          </a:effectLst>
          <a:scene3d>
            <a:camera prst="orthographicFront">
              <a:rot lat="0" lon="0" rev="0"/>
            </a:camera>
            <a:lightRig rig="contrasting" dir="t">
              <a:rot lat="0" lon="0" rev="7800000"/>
            </a:lightRig>
          </a:scene3d>
          <a:sp3d>
            <a:bevelT w="139700" h="1397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3200" b="1" dirty="0">
                <a:solidFill>
                  <a:schemeClr val="tx1"/>
                </a:solidFill>
                <a:latin typeface="BIZ UDPゴシック" panose="020B0400000000000000" pitchFamily="50" charset="-128"/>
                <a:ea typeface="BIZ UDPゴシック" panose="020B0400000000000000" pitchFamily="50" charset="-128"/>
              </a:rPr>
              <a:t>最後に・・・</a:t>
            </a:r>
          </a:p>
        </p:txBody>
      </p:sp>
      <p:pic>
        <p:nvPicPr>
          <p:cNvPr id="5" name="図 4">
            <a:extLst>
              <a:ext uri="{FF2B5EF4-FFF2-40B4-BE49-F238E27FC236}">
                <a16:creationId xmlns:a16="http://schemas.microsoft.com/office/drawing/2014/main" id="{2A9BD8D3-9188-10B8-D06C-DAC4C25D0A7C}"/>
              </a:ext>
            </a:extLst>
          </p:cNvPr>
          <p:cNvPicPr>
            <a:picLocks noChangeAspect="1"/>
          </p:cNvPicPr>
          <p:nvPr/>
        </p:nvPicPr>
        <p:blipFill>
          <a:blip r:embed="rId3"/>
          <a:stretch>
            <a:fillRect/>
          </a:stretch>
        </p:blipFill>
        <p:spPr>
          <a:xfrm>
            <a:off x="10540093" y="5464001"/>
            <a:ext cx="1651907" cy="1379342"/>
          </a:xfrm>
          <a:prstGeom prst="rect">
            <a:avLst/>
          </a:prstGeom>
        </p:spPr>
      </p:pic>
    </p:spTree>
    <p:extLst>
      <p:ext uri="{BB962C8B-B14F-4D97-AF65-F5344CB8AC3E}">
        <p14:creationId xmlns:p14="http://schemas.microsoft.com/office/powerpoint/2010/main" val="1178314260"/>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p:nvPr/>
        </p:nvSpPr>
        <p:spPr>
          <a:xfrm>
            <a:off x="1602740" y="3267890"/>
            <a:ext cx="7147559" cy="2961640"/>
          </a:xfrm>
          <a:prstGeom prst="rect">
            <a:avLst/>
          </a:prstGeom>
        </p:spPr>
        <p:txBody>
          <a:bodyPr vert="horz" wrap="square" lIns="0" tIns="53340" rIns="0" bIns="0" rtlCol="0">
            <a:spAutoFit/>
          </a:bodyPr>
          <a:lstStyle/>
          <a:p>
            <a:pPr marL="12700">
              <a:spcBef>
                <a:spcPts val="420"/>
              </a:spcBef>
            </a:pPr>
            <a:r>
              <a:rPr sz="2000" b="1" spc="-15" dirty="0">
                <a:latin typeface="メイリオ"/>
                <a:cs typeface="メイリオ"/>
              </a:rPr>
              <a:t>学術論文</a:t>
            </a:r>
            <a:endParaRPr sz="2000">
              <a:latin typeface="メイリオ"/>
              <a:cs typeface="メイリオ"/>
            </a:endParaRPr>
          </a:p>
          <a:p>
            <a:pPr marL="12700">
              <a:spcBef>
                <a:spcPts val="229"/>
              </a:spcBef>
            </a:pPr>
            <a:r>
              <a:rPr sz="1400" b="1" dirty="0">
                <a:latin typeface="ＭＳ ゴシック"/>
                <a:cs typeface="ＭＳ ゴシック"/>
              </a:rPr>
              <a:t>※</a:t>
            </a:r>
            <a:r>
              <a:rPr sz="1400" b="1" dirty="0">
                <a:latin typeface="Century Gothic"/>
                <a:cs typeface="Century Gothic"/>
              </a:rPr>
              <a:t>1</a:t>
            </a:r>
            <a:r>
              <a:rPr sz="1400" b="1" spc="-65" dirty="0">
                <a:latin typeface="Century Gothic"/>
                <a:cs typeface="Century Gothic"/>
              </a:rPr>
              <a:t> </a:t>
            </a:r>
            <a:r>
              <a:rPr sz="1400" b="1" dirty="0">
                <a:latin typeface="Century Gothic"/>
                <a:cs typeface="Century Gothic"/>
              </a:rPr>
              <a:t>H.</a:t>
            </a:r>
            <a:r>
              <a:rPr sz="1400" b="1" spc="-60" dirty="0">
                <a:latin typeface="Century Gothic"/>
                <a:cs typeface="Century Gothic"/>
              </a:rPr>
              <a:t> </a:t>
            </a:r>
            <a:r>
              <a:rPr sz="1400" b="1" dirty="0">
                <a:latin typeface="Century Gothic"/>
                <a:cs typeface="Century Gothic"/>
              </a:rPr>
              <a:t>Jeager,</a:t>
            </a:r>
            <a:r>
              <a:rPr sz="1400" b="1" spc="-30" dirty="0">
                <a:latin typeface="Century Gothic"/>
                <a:cs typeface="Century Gothic"/>
              </a:rPr>
              <a:t> </a:t>
            </a:r>
            <a:r>
              <a:rPr sz="1400" b="1" dirty="0">
                <a:latin typeface="Century Gothic"/>
                <a:cs typeface="Century Gothic"/>
              </a:rPr>
              <a:t>“Tutorial</a:t>
            </a:r>
            <a:r>
              <a:rPr sz="1400" b="1" spc="-35" dirty="0">
                <a:latin typeface="Century Gothic"/>
                <a:cs typeface="Century Gothic"/>
              </a:rPr>
              <a:t> </a:t>
            </a:r>
            <a:r>
              <a:rPr sz="1400" b="1" dirty="0">
                <a:latin typeface="Century Gothic"/>
                <a:cs typeface="Century Gothic"/>
              </a:rPr>
              <a:t>on</a:t>
            </a:r>
            <a:r>
              <a:rPr sz="1400" b="1" spc="-45" dirty="0">
                <a:latin typeface="Century Gothic"/>
                <a:cs typeface="Century Gothic"/>
              </a:rPr>
              <a:t> </a:t>
            </a:r>
            <a:r>
              <a:rPr sz="1400" b="1" dirty="0">
                <a:latin typeface="Century Gothic"/>
                <a:cs typeface="Century Gothic"/>
              </a:rPr>
              <a:t>training</a:t>
            </a:r>
            <a:r>
              <a:rPr sz="1400" b="1" spc="-30" dirty="0">
                <a:latin typeface="Century Gothic"/>
                <a:cs typeface="Century Gothic"/>
              </a:rPr>
              <a:t> </a:t>
            </a:r>
            <a:r>
              <a:rPr sz="1400" b="1" dirty="0">
                <a:latin typeface="Century Gothic"/>
                <a:cs typeface="Century Gothic"/>
              </a:rPr>
              <a:t>recurrent</a:t>
            </a:r>
            <a:r>
              <a:rPr sz="1400" b="1" spc="-30" dirty="0">
                <a:latin typeface="Century Gothic"/>
                <a:cs typeface="Century Gothic"/>
              </a:rPr>
              <a:t> </a:t>
            </a:r>
            <a:r>
              <a:rPr sz="1400" b="1" dirty="0">
                <a:latin typeface="Century Gothic"/>
                <a:cs typeface="Century Gothic"/>
              </a:rPr>
              <a:t>network”,</a:t>
            </a:r>
            <a:r>
              <a:rPr sz="1400" b="1" spc="-45" dirty="0">
                <a:latin typeface="Century Gothic"/>
                <a:cs typeface="Century Gothic"/>
              </a:rPr>
              <a:t> </a:t>
            </a:r>
            <a:r>
              <a:rPr sz="1400" b="1" dirty="0">
                <a:latin typeface="Century Gothic"/>
                <a:cs typeface="Century Gothic"/>
              </a:rPr>
              <a:t>GMD</a:t>
            </a:r>
            <a:r>
              <a:rPr sz="1400" b="1" spc="-40" dirty="0">
                <a:latin typeface="Century Gothic"/>
                <a:cs typeface="Century Gothic"/>
              </a:rPr>
              <a:t> </a:t>
            </a:r>
            <a:r>
              <a:rPr sz="1400" b="1" dirty="0">
                <a:latin typeface="Century Gothic"/>
                <a:cs typeface="Century Gothic"/>
              </a:rPr>
              <a:t>report,</a:t>
            </a:r>
            <a:r>
              <a:rPr sz="1400" b="1" spc="-35" dirty="0">
                <a:latin typeface="Century Gothic"/>
                <a:cs typeface="Century Gothic"/>
              </a:rPr>
              <a:t> </a:t>
            </a:r>
            <a:r>
              <a:rPr sz="1400" b="1" spc="-10" dirty="0">
                <a:latin typeface="Century Gothic"/>
                <a:cs typeface="Century Gothic"/>
              </a:rPr>
              <a:t>159(2002)</a:t>
            </a:r>
            <a:endParaRPr sz="1400">
              <a:latin typeface="Century Gothic"/>
              <a:cs typeface="Century Gothic"/>
            </a:endParaRPr>
          </a:p>
          <a:p>
            <a:pPr marL="12700"/>
            <a:r>
              <a:rPr sz="1400" b="1" dirty="0">
                <a:latin typeface="ＭＳ ゴシック"/>
                <a:cs typeface="ＭＳ ゴシック"/>
              </a:rPr>
              <a:t>※</a:t>
            </a:r>
            <a:r>
              <a:rPr sz="1400" b="1" dirty="0">
                <a:latin typeface="Century Gothic"/>
                <a:cs typeface="Century Gothic"/>
              </a:rPr>
              <a:t>2</a:t>
            </a:r>
            <a:r>
              <a:rPr sz="1400" b="1" spc="-30" dirty="0">
                <a:latin typeface="Century Gothic"/>
                <a:cs typeface="Century Gothic"/>
              </a:rPr>
              <a:t> </a:t>
            </a:r>
            <a:r>
              <a:rPr sz="1400" b="1" dirty="0">
                <a:latin typeface="Century Gothic"/>
                <a:cs typeface="Century Gothic"/>
              </a:rPr>
              <a:t>C.</a:t>
            </a:r>
            <a:r>
              <a:rPr sz="1400" b="1" spc="-20" dirty="0">
                <a:latin typeface="Century Gothic"/>
                <a:cs typeface="Century Gothic"/>
              </a:rPr>
              <a:t> </a:t>
            </a:r>
            <a:r>
              <a:rPr sz="1400" b="1" dirty="0">
                <a:latin typeface="Century Gothic"/>
                <a:cs typeface="Century Gothic"/>
              </a:rPr>
              <a:t>Szegedy</a:t>
            </a:r>
            <a:r>
              <a:rPr sz="1400" b="1" spc="-10" dirty="0">
                <a:latin typeface="Century Gothic"/>
                <a:cs typeface="Century Gothic"/>
              </a:rPr>
              <a:t> </a:t>
            </a:r>
            <a:r>
              <a:rPr sz="1400" b="1" dirty="0">
                <a:latin typeface="Century Gothic"/>
                <a:cs typeface="Century Gothic"/>
              </a:rPr>
              <a:t>et</a:t>
            </a:r>
            <a:r>
              <a:rPr sz="1400" b="1" spc="-10" dirty="0">
                <a:latin typeface="Century Gothic"/>
                <a:cs typeface="Century Gothic"/>
              </a:rPr>
              <a:t> </a:t>
            </a:r>
            <a:r>
              <a:rPr sz="1400" b="1" dirty="0">
                <a:latin typeface="Century Gothic"/>
                <a:cs typeface="Century Gothic"/>
              </a:rPr>
              <a:t>al.,</a:t>
            </a:r>
            <a:r>
              <a:rPr sz="1400" b="1" spc="-20" dirty="0">
                <a:latin typeface="Century Gothic"/>
                <a:cs typeface="Century Gothic"/>
              </a:rPr>
              <a:t> </a:t>
            </a:r>
            <a:r>
              <a:rPr sz="1400" b="1" spc="-10" dirty="0">
                <a:latin typeface="Century Gothic"/>
                <a:cs typeface="Century Gothic"/>
              </a:rPr>
              <a:t>arXiv:1409.4842</a:t>
            </a:r>
            <a:r>
              <a:rPr sz="1400" b="1" spc="-40" dirty="0">
                <a:latin typeface="Century Gothic"/>
                <a:cs typeface="Century Gothic"/>
              </a:rPr>
              <a:t> </a:t>
            </a:r>
            <a:r>
              <a:rPr sz="1400" b="1" dirty="0">
                <a:latin typeface="Century Gothic"/>
                <a:cs typeface="Century Gothic"/>
              </a:rPr>
              <a:t>v2</a:t>
            </a:r>
            <a:r>
              <a:rPr sz="1400" b="1" spc="-20" dirty="0">
                <a:latin typeface="Century Gothic"/>
                <a:cs typeface="Century Gothic"/>
              </a:rPr>
              <a:t> </a:t>
            </a:r>
            <a:r>
              <a:rPr sz="1400" b="1" spc="-10" dirty="0">
                <a:latin typeface="Century Gothic"/>
                <a:cs typeface="Century Gothic"/>
              </a:rPr>
              <a:t>(2014)</a:t>
            </a:r>
            <a:endParaRPr sz="1400">
              <a:latin typeface="Century Gothic"/>
              <a:cs typeface="Century Gothic"/>
            </a:endParaRPr>
          </a:p>
          <a:p>
            <a:pPr marL="12700"/>
            <a:r>
              <a:rPr sz="1400" b="1" dirty="0">
                <a:latin typeface="ＭＳ ゴシック"/>
                <a:cs typeface="ＭＳ ゴシック"/>
              </a:rPr>
              <a:t>※</a:t>
            </a:r>
            <a:r>
              <a:rPr sz="1400" b="1" dirty="0">
                <a:latin typeface="Century Gothic"/>
                <a:cs typeface="Century Gothic"/>
              </a:rPr>
              <a:t>3</a:t>
            </a:r>
            <a:r>
              <a:rPr sz="1400" b="1" spc="-35" dirty="0">
                <a:latin typeface="Century Gothic"/>
                <a:cs typeface="Century Gothic"/>
              </a:rPr>
              <a:t> </a:t>
            </a:r>
            <a:r>
              <a:rPr sz="1400" b="1" dirty="0">
                <a:latin typeface="Century Gothic"/>
                <a:cs typeface="Century Gothic"/>
              </a:rPr>
              <a:t>O.</a:t>
            </a:r>
            <a:r>
              <a:rPr sz="1400" b="1" spc="-20" dirty="0">
                <a:latin typeface="Century Gothic"/>
                <a:cs typeface="Century Gothic"/>
              </a:rPr>
              <a:t> </a:t>
            </a:r>
            <a:r>
              <a:rPr sz="1400" b="1" dirty="0">
                <a:latin typeface="Century Gothic"/>
                <a:cs typeface="Century Gothic"/>
              </a:rPr>
              <a:t>Vinyals</a:t>
            </a:r>
            <a:r>
              <a:rPr sz="1400" b="1" spc="-30" dirty="0">
                <a:latin typeface="Century Gothic"/>
                <a:cs typeface="Century Gothic"/>
              </a:rPr>
              <a:t> </a:t>
            </a:r>
            <a:r>
              <a:rPr sz="1400" b="1" dirty="0">
                <a:latin typeface="Century Gothic"/>
                <a:cs typeface="Century Gothic"/>
              </a:rPr>
              <a:t>et al.,</a:t>
            </a:r>
            <a:r>
              <a:rPr sz="1400" b="1" spc="-20" dirty="0">
                <a:latin typeface="Century Gothic"/>
                <a:cs typeface="Century Gothic"/>
              </a:rPr>
              <a:t> </a:t>
            </a:r>
            <a:r>
              <a:rPr sz="1400" b="1" spc="-10" dirty="0">
                <a:latin typeface="Century Gothic"/>
                <a:cs typeface="Century Gothic"/>
              </a:rPr>
              <a:t>arXiv:1506.05869v3(2015)</a:t>
            </a:r>
            <a:endParaRPr sz="1400">
              <a:latin typeface="Century Gothic"/>
              <a:cs typeface="Century Gothic"/>
            </a:endParaRPr>
          </a:p>
          <a:p>
            <a:pPr marL="12700"/>
            <a:r>
              <a:rPr sz="1400" b="1" dirty="0">
                <a:latin typeface="ＭＳ ゴシック"/>
                <a:cs typeface="ＭＳ ゴシック"/>
              </a:rPr>
              <a:t>※</a:t>
            </a:r>
            <a:r>
              <a:rPr sz="1400" b="1" dirty="0">
                <a:latin typeface="Century Gothic"/>
                <a:cs typeface="Century Gothic"/>
              </a:rPr>
              <a:t>4</a:t>
            </a:r>
            <a:r>
              <a:rPr sz="1400" b="1" spc="-40" dirty="0">
                <a:latin typeface="Century Gothic"/>
                <a:cs typeface="Century Gothic"/>
              </a:rPr>
              <a:t> </a:t>
            </a:r>
            <a:r>
              <a:rPr sz="1400" b="1" dirty="0">
                <a:latin typeface="Century Gothic"/>
                <a:cs typeface="Century Gothic"/>
              </a:rPr>
              <a:t>W.</a:t>
            </a:r>
            <a:r>
              <a:rPr sz="1400" b="1" spc="-30" dirty="0">
                <a:latin typeface="Century Gothic"/>
                <a:cs typeface="Century Gothic"/>
              </a:rPr>
              <a:t> </a:t>
            </a:r>
            <a:r>
              <a:rPr sz="1400" b="1" dirty="0">
                <a:latin typeface="Century Gothic"/>
                <a:cs typeface="Century Gothic"/>
              </a:rPr>
              <a:t>Maass</a:t>
            </a:r>
            <a:r>
              <a:rPr sz="1400" b="1" spc="-5" dirty="0">
                <a:latin typeface="Century Gothic"/>
                <a:cs typeface="Century Gothic"/>
              </a:rPr>
              <a:t> </a:t>
            </a:r>
            <a:r>
              <a:rPr sz="1400" b="1" dirty="0">
                <a:latin typeface="Century Gothic"/>
                <a:cs typeface="Century Gothic"/>
              </a:rPr>
              <a:t>et</a:t>
            </a:r>
            <a:r>
              <a:rPr sz="1400" b="1" spc="-10" dirty="0">
                <a:latin typeface="Century Gothic"/>
                <a:cs typeface="Century Gothic"/>
              </a:rPr>
              <a:t> </a:t>
            </a:r>
            <a:r>
              <a:rPr sz="1400" b="1" dirty="0">
                <a:latin typeface="Century Gothic"/>
                <a:cs typeface="Century Gothic"/>
              </a:rPr>
              <a:t>al.,</a:t>
            </a:r>
            <a:r>
              <a:rPr sz="1400" b="1" spc="-30" dirty="0">
                <a:latin typeface="Century Gothic"/>
                <a:cs typeface="Century Gothic"/>
              </a:rPr>
              <a:t> </a:t>
            </a:r>
            <a:r>
              <a:rPr sz="1400" b="1" i="1" dirty="0">
                <a:latin typeface="Century Gothic"/>
                <a:cs typeface="Century Gothic"/>
              </a:rPr>
              <a:t>Neural</a:t>
            </a:r>
            <a:r>
              <a:rPr sz="1400" b="1" i="1" spc="-20" dirty="0">
                <a:latin typeface="Century Gothic"/>
                <a:cs typeface="Century Gothic"/>
              </a:rPr>
              <a:t> </a:t>
            </a:r>
            <a:r>
              <a:rPr sz="1400" b="1" i="1" dirty="0">
                <a:latin typeface="Century Gothic"/>
                <a:cs typeface="Century Gothic"/>
              </a:rPr>
              <a:t>Comput.</a:t>
            </a:r>
            <a:r>
              <a:rPr sz="1400" b="1" i="1" spc="-30" dirty="0">
                <a:latin typeface="Century Gothic"/>
                <a:cs typeface="Century Gothic"/>
              </a:rPr>
              <a:t> </a:t>
            </a:r>
            <a:r>
              <a:rPr sz="1400" b="1" dirty="0">
                <a:latin typeface="Century Gothic"/>
                <a:cs typeface="Century Gothic"/>
              </a:rPr>
              <a:t>Vol.14</a:t>
            </a:r>
            <a:r>
              <a:rPr sz="1400" b="1" spc="-30" dirty="0">
                <a:latin typeface="Century Gothic"/>
                <a:cs typeface="Century Gothic"/>
              </a:rPr>
              <a:t> </a:t>
            </a:r>
            <a:r>
              <a:rPr sz="1400" b="1" dirty="0">
                <a:latin typeface="Century Gothic"/>
                <a:cs typeface="Century Gothic"/>
              </a:rPr>
              <a:t>No.11,</a:t>
            </a:r>
            <a:r>
              <a:rPr sz="1400" b="1" spc="-40" dirty="0">
                <a:latin typeface="Century Gothic"/>
                <a:cs typeface="Century Gothic"/>
              </a:rPr>
              <a:t> </a:t>
            </a:r>
            <a:r>
              <a:rPr sz="1400" b="1" spc="-10" dirty="0">
                <a:latin typeface="Century Gothic"/>
                <a:cs typeface="Century Gothic"/>
              </a:rPr>
              <a:t>pp.2531-</a:t>
            </a:r>
            <a:r>
              <a:rPr sz="1400" b="1" dirty="0">
                <a:latin typeface="Century Gothic"/>
                <a:cs typeface="Century Gothic"/>
              </a:rPr>
              <a:t>2560,</a:t>
            </a:r>
            <a:r>
              <a:rPr sz="1400" b="1" spc="-55" dirty="0">
                <a:latin typeface="Century Gothic"/>
                <a:cs typeface="Century Gothic"/>
              </a:rPr>
              <a:t> </a:t>
            </a:r>
            <a:r>
              <a:rPr sz="1400" b="1" spc="-10" dirty="0">
                <a:latin typeface="Century Gothic"/>
                <a:cs typeface="Century Gothic"/>
              </a:rPr>
              <a:t>(2002)</a:t>
            </a:r>
            <a:endParaRPr sz="1400">
              <a:latin typeface="Century Gothic"/>
              <a:cs typeface="Century Gothic"/>
            </a:endParaRPr>
          </a:p>
          <a:p>
            <a:pPr marL="12700"/>
            <a:r>
              <a:rPr sz="1400" b="1" dirty="0">
                <a:latin typeface="ＭＳ ゴシック"/>
                <a:cs typeface="ＭＳ ゴシック"/>
              </a:rPr>
              <a:t>※</a:t>
            </a:r>
            <a:r>
              <a:rPr sz="1400" b="1" dirty="0">
                <a:latin typeface="Century Gothic"/>
                <a:cs typeface="Century Gothic"/>
              </a:rPr>
              <a:t>5</a:t>
            </a:r>
            <a:r>
              <a:rPr sz="1400" b="1" spc="-30" dirty="0">
                <a:latin typeface="Century Gothic"/>
                <a:cs typeface="Century Gothic"/>
              </a:rPr>
              <a:t> </a:t>
            </a:r>
            <a:r>
              <a:rPr sz="1400" b="1" dirty="0">
                <a:latin typeface="Century Gothic"/>
                <a:cs typeface="Century Gothic"/>
              </a:rPr>
              <a:t>H.</a:t>
            </a:r>
            <a:r>
              <a:rPr sz="1400" b="1" spc="-30" dirty="0">
                <a:latin typeface="Century Gothic"/>
                <a:cs typeface="Century Gothic"/>
              </a:rPr>
              <a:t> </a:t>
            </a:r>
            <a:r>
              <a:rPr sz="1400" b="1" dirty="0">
                <a:latin typeface="Century Gothic"/>
                <a:cs typeface="Century Gothic"/>
              </a:rPr>
              <a:t>Jaeger</a:t>
            </a:r>
            <a:r>
              <a:rPr sz="1400" b="1" spc="5" dirty="0">
                <a:latin typeface="Century Gothic"/>
                <a:cs typeface="Century Gothic"/>
              </a:rPr>
              <a:t> </a:t>
            </a:r>
            <a:r>
              <a:rPr sz="1400" b="1" dirty="0">
                <a:latin typeface="Century Gothic"/>
                <a:cs typeface="Century Gothic"/>
              </a:rPr>
              <a:t>et</a:t>
            </a:r>
            <a:r>
              <a:rPr sz="1400" b="1" spc="-10" dirty="0">
                <a:latin typeface="Century Gothic"/>
                <a:cs typeface="Century Gothic"/>
              </a:rPr>
              <a:t> </a:t>
            </a:r>
            <a:r>
              <a:rPr sz="1400" b="1" dirty="0">
                <a:latin typeface="Century Gothic"/>
                <a:cs typeface="Century Gothic"/>
              </a:rPr>
              <a:t>al.,</a:t>
            </a:r>
            <a:r>
              <a:rPr sz="1400" b="1" spc="-15" dirty="0">
                <a:latin typeface="Century Gothic"/>
                <a:cs typeface="Century Gothic"/>
              </a:rPr>
              <a:t> </a:t>
            </a:r>
            <a:r>
              <a:rPr sz="1400" b="1" i="1" dirty="0">
                <a:latin typeface="Century Gothic"/>
                <a:cs typeface="Century Gothic"/>
              </a:rPr>
              <a:t>Science</a:t>
            </a:r>
            <a:r>
              <a:rPr sz="1400" b="1" dirty="0">
                <a:latin typeface="Century Gothic"/>
                <a:cs typeface="Century Gothic"/>
              </a:rPr>
              <a:t>,</a:t>
            </a:r>
            <a:r>
              <a:rPr sz="1400" b="1" spc="-20" dirty="0">
                <a:latin typeface="Century Gothic"/>
                <a:cs typeface="Century Gothic"/>
              </a:rPr>
              <a:t> </a:t>
            </a:r>
            <a:r>
              <a:rPr sz="1400" b="1" dirty="0">
                <a:latin typeface="Century Gothic"/>
                <a:cs typeface="Century Gothic"/>
              </a:rPr>
              <a:t>Vol.304.</a:t>
            </a:r>
            <a:r>
              <a:rPr sz="1400" b="1" spc="-35" dirty="0">
                <a:latin typeface="Century Gothic"/>
                <a:cs typeface="Century Gothic"/>
              </a:rPr>
              <a:t> </a:t>
            </a:r>
            <a:r>
              <a:rPr sz="1400" b="1" dirty="0">
                <a:latin typeface="Century Gothic"/>
                <a:cs typeface="Century Gothic"/>
              </a:rPr>
              <a:t>No.5667,</a:t>
            </a:r>
            <a:r>
              <a:rPr sz="1400" b="1" spc="-45" dirty="0">
                <a:latin typeface="Century Gothic"/>
                <a:cs typeface="Century Gothic"/>
              </a:rPr>
              <a:t> </a:t>
            </a:r>
            <a:r>
              <a:rPr sz="1400" b="1" spc="-10" dirty="0">
                <a:latin typeface="Century Gothic"/>
                <a:cs typeface="Century Gothic"/>
              </a:rPr>
              <a:t>pp.78-</a:t>
            </a:r>
            <a:r>
              <a:rPr sz="1400" b="1" dirty="0">
                <a:latin typeface="Century Gothic"/>
                <a:cs typeface="Century Gothic"/>
              </a:rPr>
              <a:t>80,</a:t>
            </a:r>
            <a:r>
              <a:rPr sz="1400" b="1" spc="-30" dirty="0">
                <a:latin typeface="Century Gothic"/>
                <a:cs typeface="Century Gothic"/>
              </a:rPr>
              <a:t> </a:t>
            </a:r>
            <a:r>
              <a:rPr sz="1400" b="1" spc="-10" dirty="0">
                <a:latin typeface="Century Gothic"/>
                <a:cs typeface="Century Gothic"/>
              </a:rPr>
              <a:t>(2004)</a:t>
            </a:r>
            <a:endParaRPr sz="1400">
              <a:latin typeface="Century Gothic"/>
              <a:cs typeface="Century Gothic"/>
            </a:endParaRPr>
          </a:p>
          <a:p>
            <a:pPr marL="12700"/>
            <a:r>
              <a:rPr sz="1400" b="1" dirty="0">
                <a:latin typeface="ＭＳ ゴシック"/>
                <a:cs typeface="ＭＳ ゴシック"/>
              </a:rPr>
              <a:t>※</a:t>
            </a:r>
            <a:r>
              <a:rPr sz="1400" b="1" dirty="0">
                <a:latin typeface="Century Gothic"/>
                <a:cs typeface="Century Gothic"/>
              </a:rPr>
              <a:t>6</a:t>
            </a:r>
            <a:r>
              <a:rPr sz="1400" b="1" spc="-45" dirty="0">
                <a:latin typeface="Century Gothic"/>
                <a:cs typeface="Century Gothic"/>
              </a:rPr>
              <a:t> </a:t>
            </a:r>
            <a:r>
              <a:rPr sz="1400" b="1" dirty="0">
                <a:latin typeface="Century Gothic"/>
                <a:cs typeface="Century Gothic"/>
              </a:rPr>
              <a:t>Fernando</a:t>
            </a:r>
            <a:r>
              <a:rPr sz="1400" b="1" spc="-25" dirty="0">
                <a:latin typeface="Century Gothic"/>
                <a:cs typeface="Century Gothic"/>
              </a:rPr>
              <a:t> </a:t>
            </a:r>
            <a:r>
              <a:rPr sz="1400" b="1" dirty="0">
                <a:latin typeface="Century Gothic"/>
                <a:cs typeface="Century Gothic"/>
              </a:rPr>
              <a:t>C.</a:t>
            </a:r>
            <a:r>
              <a:rPr sz="1400" b="1" spc="-25" dirty="0">
                <a:latin typeface="Century Gothic"/>
                <a:cs typeface="Century Gothic"/>
              </a:rPr>
              <a:t> </a:t>
            </a:r>
            <a:r>
              <a:rPr sz="1400" b="1" dirty="0">
                <a:latin typeface="Century Gothic"/>
                <a:cs typeface="Century Gothic"/>
              </a:rPr>
              <a:t>et</a:t>
            </a:r>
            <a:r>
              <a:rPr sz="1400" b="1" spc="-25" dirty="0">
                <a:latin typeface="Century Gothic"/>
                <a:cs typeface="Century Gothic"/>
              </a:rPr>
              <a:t> </a:t>
            </a:r>
            <a:r>
              <a:rPr sz="1400" b="1" dirty="0">
                <a:latin typeface="Century Gothic"/>
                <a:cs typeface="Century Gothic"/>
              </a:rPr>
              <a:t>al.,</a:t>
            </a:r>
            <a:r>
              <a:rPr sz="1400" b="1" spc="-35" dirty="0">
                <a:latin typeface="Century Gothic"/>
                <a:cs typeface="Century Gothic"/>
              </a:rPr>
              <a:t> </a:t>
            </a:r>
            <a:r>
              <a:rPr sz="1400" b="1" dirty="0">
                <a:latin typeface="Century Gothic"/>
                <a:cs typeface="Century Gothic"/>
              </a:rPr>
              <a:t>Advances</a:t>
            </a:r>
            <a:r>
              <a:rPr sz="1400" b="1" spc="-30" dirty="0">
                <a:latin typeface="Century Gothic"/>
                <a:cs typeface="Century Gothic"/>
              </a:rPr>
              <a:t> </a:t>
            </a:r>
            <a:r>
              <a:rPr sz="1400" b="1" dirty="0">
                <a:latin typeface="Century Gothic"/>
                <a:cs typeface="Century Gothic"/>
              </a:rPr>
              <a:t>in</a:t>
            </a:r>
            <a:r>
              <a:rPr sz="1400" b="1" spc="-30" dirty="0">
                <a:latin typeface="Century Gothic"/>
                <a:cs typeface="Century Gothic"/>
              </a:rPr>
              <a:t> </a:t>
            </a:r>
            <a:r>
              <a:rPr sz="1400" b="1" dirty="0">
                <a:latin typeface="Century Gothic"/>
                <a:cs typeface="Century Gothic"/>
              </a:rPr>
              <a:t>Artificial</a:t>
            </a:r>
            <a:r>
              <a:rPr sz="1400" b="1" spc="-15" dirty="0">
                <a:latin typeface="Century Gothic"/>
                <a:cs typeface="Century Gothic"/>
              </a:rPr>
              <a:t> </a:t>
            </a:r>
            <a:r>
              <a:rPr sz="1400" b="1" dirty="0">
                <a:latin typeface="Century Gothic"/>
                <a:cs typeface="Century Gothic"/>
              </a:rPr>
              <a:t>Life</a:t>
            </a:r>
            <a:r>
              <a:rPr sz="1400" b="1" spc="-35" dirty="0">
                <a:latin typeface="Century Gothic"/>
                <a:cs typeface="Century Gothic"/>
              </a:rPr>
              <a:t> </a:t>
            </a:r>
            <a:r>
              <a:rPr sz="1400" b="1" spc="-10" dirty="0">
                <a:latin typeface="Century Gothic"/>
                <a:cs typeface="Century Gothic"/>
              </a:rPr>
              <a:t>p588-597(2003)</a:t>
            </a:r>
            <a:endParaRPr sz="1400">
              <a:latin typeface="Century Gothic"/>
              <a:cs typeface="Century Gothic"/>
            </a:endParaRPr>
          </a:p>
          <a:p>
            <a:pPr marL="12700"/>
            <a:r>
              <a:rPr sz="1400" b="1" dirty="0">
                <a:latin typeface="ＭＳ ゴシック"/>
                <a:cs typeface="ＭＳ ゴシック"/>
              </a:rPr>
              <a:t>※</a:t>
            </a:r>
            <a:r>
              <a:rPr sz="1400" b="1" dirty="0">
                <a:latin typeface="Century Gothic"/>
                <a:cs typeface="Century Gothic"/>
              </a:rPr>
              <a:t>7</a:t>
            </a:r>
            <a:r>
              <a:rPr sz="1400" b="1" spc="-45" dirty="0">
                <a:latin typeface="Century Gothic"/>
                <a:cs typeface="Century Gothic"/>
              </a:rPr>
              <a:t> </a:t>
            </a:r>
            <a:r>
              <a:rPr sz="1400" b="1" dirty="0">
                <a:latin typeface="Century Gothic"/>
                <a:cs typeface="Century Gothic"/>
              </a:rPr>
              <a:t>J.</a:t>
            </a:r>
            <a:r>
              <a:rPr sz="1400" b="1" spc="-30" dirty="0">
                <a:latin typeface="Century Gothic"/>
                <a:cs typeface="Century Gothic"/>
              </a:rPr>
              <a:t> </a:t>
            </a:r>
            <a:r>
              <a:rPr sz="1400" b="1" dirty="0">
                <a:latin typeface="Century Gothic"/>
                <a:cs typeface="Century Gothic"/>
              </a:rPr>
              <a:t>Torrejon et</a:t>
            </a:r>
            <a:r>
              <a:rPr sz="1400" b="1" spc="-25" dirty="0">
                <a:latin typeface="Century Gothic"/>
                <a:cs typeface="Century Gothic"/>
              </a:rPr>
              <a:t> </a:t>
            </a:r>
            <a:r>
              <a:rPr sz="1400" b="1" dirty="0">
                <a:latin typeface="Century Gothic"/>
                <a:cs typeface="Century Gothic"/>
              </a:rPr>
              <a:t>al.,</a:t>
            </a:r>
            <a:r>
              <a:rPr sz="1400" b="1" spc="-30" dirty="0">
                <a:latin typeface="Century Gothic"/>
                <a:cs typeface="Century Gothic"/>
              </a:rPr>
              <a:t> </a:t>
            </a:r>
            <a:r>
              <a:rPr sz="1400" b="1" dirty="0">
                <a:latin typeface="Century Gothic"/>
                <a:cs typeface="Century Gothic"/>
              </a:rPr>
              <a:t>nature</a:t>
            </a:r>
            <a:r>
              <a:rPr sz="1400" b="1" spc="-15" dirty="0">
                <a:latin typeface="Century Gothic"/>
                <a:cs typeface="Century Gothic"/>
              </a:rPr>
              <a:t> </a:t>
            </a:r>
            <a:r>
              <a:rPr sz="1400" b="1" dirty="0">
                <a:latin typeface="Century Gothic"/>
                <a:cs typeface="Century Gothic"/>
              </a:rPr>
              <a:t>vol.547,</a:t>
            </a:r>
            <a:r>
              <a:rPr sz="1400" b="1" spc="-40" dirty="0">
                <a:latin typeface="Century Gothic"/>
                <a:cs typeface="Century Gothic"/>
              </a:rPr>
              <a:t> </a:t>
            </a:r>
            <a:r>
              <a:rPr sz="1400" b="1" dirty="0">
                <a:latin typeface="Century Gothic"/>
                <a:cs typeface="Century Gothic"/>
              </a:rPr>
              <a:t>No.27,</a:t>
            </a:r>
            <a:r>
              <a:rPr sz="1400" b="1" spc="-55" dirty="0">
                <a:latin typeface="Century Gothic"/>
                <a:cs typeface="Century Gothic"/>
              </a:rPr>
              <a:t> </a:t>
            </a:r>
            <a:r>
              <a:rPr sz="1400" b="1" spc="-10" dirty="0">
                <a:latin typeface="Century Gothic"/>
                <a:cs typeface="Century Gothic"/>
              </a:rPr>
              <a:t>p428-431(2017)</a:t>
            </a:r>
            <a:endParaRPr sz="1400">
              <a:latin typeface="Century Gothic"/>
              <a:cs typeface="Century Gothic"/>
            </a:endParaRPr>
          </a:p>
          <a:p>
            <a:pPr marL="12700"/>
            <a:r>
              <a:rPr sz="1400" b="1" dirty="0">
                <a:latin typeface="ＭＳ ゴシック"/>
                <a:cs typeface="ＭＳ ゴシック"/>
              </a:rPr>
              <a:t>※</a:t>
            </a:r>
            <a:r>
              <a:rPr sz="1400" b="1" dirty="0">
                <a:latin typeface="Century Gothic"/>
                <a:cs typeface="Century Gothic"/>
              </a:rPr>
              <a:t>8</a:t>
            </a:r>
            <a:r>
              <a:rPr sz="1400" b="1" spc="-40" dirty="0">
                <a:latin typeface="Century Gothic"/>
                <a:cs typeface="Century Gothic"/>
              </a:rPr>
              <a:t> </a:t>
            </a:r>
            <a:r>
              <a:rPr sz="1400" b="1" dirty="0">
                <a:latin typeface="Century Gothic"/>
                <a:cs typeface="Century Gothic"/>
              </a:rPr>
              <a:t>C.Demis</a:t>
            </a:r>
            <a:r>
              <a:rPr sz="1400" b="1" spc="-40" dirty="0">
                <a:latin typeface="Century Gothic"/>
                <a:cs typeface="Century Gothic"/>
              </a:rPr>
              <a:t> </a:t>
            </a:r>
            <a:r>
              <a:rPr sz="1400" b="1" dirty="0">
                <a:latin typeface="Century Gothic"/>
                <a:cs typeface="Century Gothic"/>
              </a:rPr>
              <a:t>et</a:t>
            </a:r>
            <a:r>
              <a:rPr sz="1400" b="1" spc="-20" dirty="0">
                <a:latin typeface="Century Gothic"/>
                <a:cs typeface="Century Gothic"/>
              </a:rPr>
              <a:t> </a:t>
            </a:r>
            <a:r>
              <a:rPr sz="1400" b="1" dirty="0">
                <a:latin typeface="Century Gothic"/>
                <a:cs typeface="Century Gothic"/>
              </a:rPr>
              <a:t>al.,</a:t>
            </a:r>
            <a:r>
              <a:rPr sz="1400" b="1" spc="-25" dirty="0">
                <a:latin typeface="Century Gothic"/>
                <a:cs typeface="Century Gothic"/>
              </a:rPr>
              <a:t> </a:t>
            </a:r>
            <a:r>
              <a:rPr sz="1400" b="1" i="1" dirty="0">
                <a:latin typeface="Century Gothic"/>
                <a:cs typeface="Century Gothic"/>
              </a:rPr>
              <a:t>Jpn.</a:t>
            </a:r>
            <a:r>
              <a:rPr sz="1400" b="1" i="1" spc="-15" dirty="0">
                <a:latin typeface="Century Gothic"/>
                <a:cs typeface="Century Gothic"/>
              </a:rPr>
              <a:t> </a:t>
            </a:r>
            <a:r>
              <a:rPr sz="1400" b="1" i="1" dirty="0">
                <a:latin typeface="Century Gothic"/>
                <a:cs typeface="Century Gothic"/>
              </a:rPr>
              <a:t>J.</a:t>
            </a:r>
            <a:r>
              <a:rPr sz="1400" b="1" i="1" spc="-15" dirty="0">
                <a:latin typeface="Century Gothic"/>
                <a:cs typeface="Century Gothic"/>
              </a:rPr>
              <a:t> </a:t>
            </a:r>
            <a:r>
              <a:rPr sz="1400" b="1" i="1" dirty="0">
                <a:latin typeface="Century Gothic"/>
                <a:cs typeface="Century Gothic"/>
              </a:rPr>
              <a:t>Appl.</a:t>
            </a:r>
            <a:r>
              <a:rPr sz="1400" b="1" i="1" spc="-25" dirty="0">
                <a:latin typeface="Century Gothic"/>
                <a:cs typeface="Century Gothic"/>
              </a:rPr>
              <a:t> </a:t>
            </a:r>
            <a:r>
              <a:rPr sz="1400" b="1" i="1" dirty="0">
                <a:latin typeface="Century Gothic"/>
                <a:cs typeface="Century Gothic"/>
              </a:rPr>
              <a:t>Phys.</a:t>
            </a:r>
            <a:r>
              <a:rPr sz="1400" b="1" i="1" spc="-25" dirty="0">
                <a:latin typeface="Century Gothic"/>
                <a:cs typeface="Century Gothic"/>
              </a:rPr>
              <a:t> </a:t>
            </a:r>
            <a:r>
              <a:rPr sz="1400" b="1" dirty="0">
                <a:latin typeface="Century Gothic"/>
                <a:cs typeface="Century Gothic"/>
              </a:rPr>
              <a:t>No.55,</a:t>
            </a:r>
            <a:r>
              <a:rPr sz="1400" b="1" spc="-35" dirty="0">
                <a:latin typeface="Century Gothic"/>
                <a:cs typeface="Century Gothic"/>
              </a:rPr>
              <a:t> </a:t>
            </a:r>
            <a:r>
              <a:rPr sz="1400" b="1" dirty="0">
                <a:latin typeface="Century Gothic"/>
                <a:cs typeface="Century Gothic"/>
              </a:rPr>
              <a:t>1102B2,</a:t>
            </a:r>
            <a:r>
              <a:rPr sz="1400" b="1" spc="-55" dirty="0">
                <a:latin typeface="Century Gothic"/>
                <a:cs typeface="Century Gothic"/>
              </a:rPr>
              <a:t> </a:t>
            </a:r>
            <a:r>
              <a:rPr sz="1400" b="1" spc="-10" dirty="0">
                <a:latin typeface="Century Gothic"/>
                <a:cs typeface="Century Gothic"/>
              </a:rPr>
              <a:t>(2016)</a:t>
            </a:r>
            <a:endParaRPr sz="1400">
              <a:latin typeface="Century Gothic"/>
              <a:cs typeface="Century Gothic"/>
            </a:endParaRPr>
          </a:p>
          <a:p>
            <a:pPr marL="12700" marR="5080">
              <a:lnSpc>
                <a:spcPts val="1670"/>
              </a:lnSpc>
              <a:spcBef>
                <a:spcPts val="65"/>
              </a:spcBef>
            </a:pPr>
            <a:r>
              <a:rPr sz="1400" b="1" dirty="0">
                <a:solidFill>
                  <a:srgbClr val="FF0000"/>
                </a:solidFill>
                <a:latin typeface="ＭＳ ゴシック"/>
                <a:cs typeface="ＭＳ ゴシック"/>
              </a:rPr>
              <a:t>※</a:t>
            </a:r>
            <a:r>
              <a:rPr sz="1400" b="1" dirty="0">
                <a:solidFill>
                  <a:srgbClr val="FF0000"/>
                </a:solidFill>
                <a:latin typeface="Century Gothic"/>
                <a:cs typeface="Century Gothic"/>
              </a:rPr>
              <a:t>9</a:t>
            </a:r>
            <a:r>
              <a:rPr sz="1400" b="1" spc="-55" dirty="0">
                <a:solidFill>
                  <a:srgbClr val="FF0000"/>
                </a:solidFill>
                <a:latin typeface="Century Gothic"/>
                <a:cs typeface="Century Gothic"/>
              </a:rPr>
              <a:t> </a:t>
            </a:r>
            <a:r>
              <a:rPr sz="1400" b="1" dirty="0">
                <a:solidFill>
                  <a:srgbClr val="FF0000"/>
                </a:solidFill>
                <a:latin typeface="Century Gothic"/>
                <a:cs typeface="Century Gothic"/>
              </a:rPr>
              <a:t>G.</a:t>
            </a:r>
            <a:r>
              <a:rPr sz="1400" b="1" spc="-40" dirty="0">
                <a:solidFill>
                  <a:srgbClr val="FF0000"/>
                </a:solidFill>
                <a:latin typeface="Century Gothic"/>
                <a:cs typeface="Century Gothic"/>
              </a:rPr>
              <a:t> </a:t>
            </a:r>
            <a:r>
              <a:rPr sz="1400" b="1" dirty="0">
                <a:solidFill>
                  <a:srgbClr val="FF0000"/>
                </a:solidFill>
                <a:latin typeface="Century Gothic"/>
                <a:cs typeface="Century Gothic"/>
              </a:rPr>
              <a:t>Tanaka</a:t>
            </a:r>
            <a:r>
              <a:rPr sz="1400" b="1" spc="-30" dirty="0">
                <a:solidFill>
                  <a:srgbClr val="FF0000"/>
                </a:solidFill>
                <a:latin typeface="Century Gothic"/>
                <a:cs typeface="Century Gothic"/>
              </a:rPr>
              <a:t> </a:t>
            </a:r>
            <a:r>
              <a:rPr sz="1400" b="1" dirty="0">
                <a:solidFill>
                  <a:srgbClr val="FF0000"/>
                </a:solidFill>
                <a:latin typeface="Century Gothic"/>
                <a:cs typeface="Century Gothic"/>
              </a:rPr>
              <a:t>et</a:t>
            </a:r>
            <a:r>
              <a:rPr sz="1400" b="1" spc="-20" dirty="0">
                <a:solidFill>
                  <a:srgbClr val="FF0000"/>
                </a:solidFill>
                <a:latin typeface="Century Gothic"/>
                <a:cs typeface="Century Gothic"/>
              </a:rPr>
              <a:t> </a:t>
            </a:r>
            <a:r>
              <a:rPr sz="1400" b="1" dirty="0">
                <a:solidFill>
                  <a:srgbClr val="FF0000"/>
                </a:solidFill>
                <a:latin typeface="Century Gothic"/>
                <a:cs typeface="Century Gothic"/>
              </a:rPr>
              <a:t>al,</a:t>
            </a:r>
            <a:r>
              <a:rPr sz="1400" b="1" spc="-30" dirty="0">
                <a:solidFill>
                  <a:srgbClr val="FF0000"/>
                </a:solidFill>
                <a:latin typeface="Century Gothic"/>
                <a:cs typeface="Century Gothic"/>
              </a:rPr>
              <a:t> </a:t>
            </a:r>
            <a:r>
              <a:rPr sz="1400" b="1" dirty="0">
                <a:solidFill>
                  <a:srgbClr val="FF0000"/>
                </a:solidFill>
                <a:latin typeface="Century Gothic"/>
                <a:cs typeface="Century Gothic"/>
              </a:rPr>
              <a:t>“Recent</a:t>
            </a:r>
            <a:r>
              <a:rPr sz="1400" b="1" spc="-35" dirty="0">
                <a:solidFill>
                  <a:srgbClr val="FF0000"/>
                </a:solidFill>
                <a:latin typeface="Century Gothic"/>
                <a:cs typeface="Century Gothic"/>
              </a:rPr>
              <a:t> </a:t>
            </a:r>
            <a:r>
              <a:rPr sz="1400" b="1" dirty="0">
                <a:solidFill>
                  <a:srgbClr val="FF0000"/>
                </a:solidFill>
                <a:latin typeface="Century Gothic"/>
                <a:cs typeface="Century Gothic"/>
              </a:rPr>
              <a:t>advances</a:t>
            </a:r>
            <a:r>
              <a:rPr sz="1400" b="1" spc="-30" dirty="0">
                <a:solidFill>
                  <a:srgbClr val="FF0000"/>
                </a:solidFill>
                <a:latin typeface="Century Gothic"/>
                <a:cs typeface="Century Gothic"/>
              </a:rPr>
              <a:t> </a:t>
            </a:r>
            <a:r>
              <a:rPr sz="1400" b="1" dirty="0">
                <a:solidFill>
                  <a:srgbClr val="FF0000"/>
                </a:solidFill>
                <a:latin typeface="Century Gothic"/>
                <a:cs typeface="Century Gothic"/>
              </a:rPr>
              <a:t>in</a:t>
            </a:r>
            <a:r>
              <a:rPr sz="1400" b="1" spc="-35" dirty="0">
                <a:solidFill>
                  <a:srgbClr val="FF0000"/>
                </a:solidFill>
                <a:latin typeface="Century Gothic"/>
                <a:cs typeface="Century Gothic"/>
              </a:rPr>
              <a:t> </a:t>
            </a:r>
            <a:r>
              <a:rPr sz="1400" b="1" dirty="0">
                <a:solidFill>
                  <a:srgbClr val="FF0000"/>
                </a:solidFill>
                <a:latin typeface="Century Gothic"/>
                <a:cs typeface="Century Gothic"/>
              </a:rPr>
              <a:t>physical</a:t>
            </a:r>
            <a:r>
              <a:rPr sz="1400" b="1" spc="-20" dirty="0">
                <a:solidFill>
                  <a:srgbClr val="FF0000"/>
                </a:solidFill>
                <a:latin typeface="Century Gothic"/>
                <a:cs typeface="Century Gothic"/>
              </a:rPr>
              <a:t> </a:t>
            </a:r>
            <a:r>
              <a:rPr sz="1400" b="1" dirty="0">
                <a:solidFill>
                  <a:srgbClr val="FF0000"/>
                </a:solidFill>
                <a:latin typeface="Century Gothic"/>
                <a:cs typeface="Century Gothic"/>
              </a:rPr>
              <a:t>reservoir</a:t>
            </a:r>
            <a:r>
              <a:rPr sz="1400" b="1" spc="-25" dirty="0">
                <a:solidFill>
                  <a:srgbClr val="FF0000"/>
                </a:solidFill>
                <a:latin typeface="Century Gothic"/>
                <a:cs typeface="Century Gothic"/>
              </a:rPr>
              <a:t> </a:t>
            </a:r>
            <a:r>
              <a:rPr sz="1400" b="1" dirty="0">
                <a:solidFill>
                  <a:srgbClr val="FF0000"/>
                </a:solidFill>
                <a:latin typeface="Century Gothic"/>
                <a:cs typeface="Century Gothic"/>
              </a:rPr>
              <a:t>computing</a:t>
            </a:r>
            <a:r>
              <a:rPr sz="1400" b="1" spc="-30" dirty="0">
                <a:solidFill>
                  <a:srgbClr val="FF0000"/>
                </a:solidFill>
                <a:latin typeface="Century Gothic"/>
                <a:cs typeface="Century Gothic"/>
              </a:rPr>
              <a:t> </a:t>
            </a:r>
            <a:r>
              <a:rPr sz="1400" b="1" dirty="0">
                <a:solidFill>
                  <a:srgbClr val="FF0000"/>
                </a:solidFill>
                <a:latin typeface="Century Gothic"/>
                <a:cs typeface="Century Gothic"/>
              </a:rPr>
              <a:t>:</a:t>
            </a:r>
            <a:r>
              <a:rPr sz="1400" b="1" spc="-25" dirty="0">
                <a:solidFill>
                  <a:srgbClr val="FF0000"/>
                </a:solidFill>
                <a:latin typeface="Century Gothic"/>
                <a:cs typeface="Century Gothic"/>
              </a:rPr>
              <a:t> </a:t>
            </a:r>
            <a:r>
              <a:rPr sz="1400" b="1" dirty="0">
                <a:solidFill>
                  <a:srgbClr val="FF0000"/>
                </a:solidFill>
                <a:latin typeface="Century Gothic"/>
                <a:cs typeface="Century Gothic"/>
              </a:rPr>
              <a:t>A</a:t>
            </a:r>
            <a:r>
              <a:rPr sz="1400" b="1" spc="-45" dirty="0">
                <a:solidFill>
                  <a:srgbClr val="FF0000"/>
                </a:solidFill>
                <a:latin typeface="Century Gothic"/>
                <a:cs typeface="Century Gothic"/>
              </a:rPr>
              <a:t> </a:t>
            </a:r>
            <a:r>
              <a:rPr sz="1400" b="1" spc="-10" dirty="0">
                <a:solidFill>
                  <a:srgbClr val="FF0000"/>
                </a:solidFill>
                <a:latin typeface="Century Gothic"/>
                <a:cs typeface="Century Gothic"/>
              </a:rPr>
              <a:t>review,” </a:t>
            </a:r>
            <a:r>
              <a:rPr sz="1400" b="1" dirty="0">
                <a:solidFill>
                  <a:srgbClr val="FF0000"/>
                </a:solidFill>
                <a:latin typeface="Century Gothic"/>
                <a:cs typeface="Century Gothic"/>
              </a:rPr>
              <a:t>arXiv :</a:t>
            </a:r>
            <a:r>
              <a:rPr sz="1400" b="1" spc="-15" dirty="0">
                <a:solidFill>
                  <a:srgbClr val="FF0000"/>
                </a:solidFill>
                <a:latin typeface="Century Gothic"/>
                <a:cs typeface="Century Gothic"/>
              </a:rPr>
              <a:t> </a:t>
            </a:r>
            <a:r>
              <a:rPr sz="1400" b="1" spc="-10" dirty="0">
                <a:solidFill>
                  <a:srgbClr val="FF0000"/>
                </a:solidFill>
                <a:latin typeface="Century Gothic"/>
                <a:cs typeface="Century Gothic"/>
              </a:rPr>
              <a:t>1808.04962,</a:t>
            </a:r>
            <a:r>
              <a:rPr sz="1400" b="1" spc="-25" dirty="0">
                <a:solidFill>
                  <a:srgbClr val="FF0000"/>
                </a:solidFill>
                <a:latin typeface="Century Gothic"/>
                <a:cs typeface="Century Gothic"/>
              </a:rPr>
              <a:t> </a:t>
            </a:r>
            <a:r>
              <a:rPr sz="1400" b="1" spc="-10" dirty="0">
                <a:solidFill>
                  <a:srgbClr val="FF0000"/>
                </a:solidFill>
                <a:latin typeface="Century Gothic"/>
                <a:cs typeface="Century Gothic"/>
              </a:rPr>
              <a:t>(2018)</a:t>
            </a:r>
            <a:endParaRPr sz="1400">
              <a:latin typeface="Century Gothic"/>
              <a:cs typeface="Century Gothic"/>
            </a:endParaRPr>
          </a:p>
          <a:p>
            <a:pPr marL="12700">
              <a:lnSpc>
                <a:spcPts val="1635"/>
              </a:lnSpc>
            </a:pPr>
            <a:r>
              <a:rPr sz="1400" b="1" dirty="0">
                <a:latin typeface="ＭＳ ゴシック"/>
                <a:cs typeface="ＭＳ ゴシック"/>
              </a:rPr>
              <a:t>※</a:t>
            </a:r>
            <a:r>
              <a:rPr sz="1400" b="1" dirty="0">
                <a:latin typeface="Century Gothic"/>
                <a:cs typeface="Century Gothic"/>
              </a:rPr>
              <a:t>10</a:t>
            </a:r>
            <a:r>
              <a:rPr sz="1400" b="1" spc="-55" dirty="0">
                <a:latin typeface="Century Gothic"/>
                <a:cs typeface="Century Gothic"/>
              </a:rPr>
              <a:t> </a:t>
            </a:r>
            <a:r>
              <a:rPr sz="1400" b="1" dirty="0">
                <a:latin typeface="Century Gothic"/>
                <a:cs typeface="Century Gothic"/>
              </a:rPr>
              <a:t>K.</a:t>
            </a:r>
            <a:r>
              <a:rPr sz="1400" b="1" spc="-25" dirty="0">
                <a:latin typeface="Century Gothic"/>
                <a:cs typeface="Century Gothic"/>
              </a:rPr>
              <a:t> </a:t>
            </a:r>
            <a:r>
              <a:rPr sz="1400" b="1" dirty="0">
                <a:latin typeface="Century Gothic"/>
                <a:cs typeface="Century Gothic"/>
              </a:rPr>
              <a:t>Nakajima</a:t>
            </a:r>
            <a:r>
              <a:rPr sz="1400" b="1" spc="-40" dirty="0">
                <a:latin typeface="Century Gothic"/>
                <a:cs typeface="Century Gothic"/>
              </a:rPr>
              <a:t> </a:t>
            </a:r>
            <a:r>
              <a:rPr sz="1400" b="1" dirty="0">
                <a:latin typeface="Century Gothic"/>
                <a:cs typeface="Century Gothic"/>
              </a:rPr>
              <a:t>et</a:t>
            </a:r>
            <a:r>
              <a:rPr sz="1400" b="1" spc="-10" dirty="0">
                <a:latin typeface="Century Gothic"/>
                <a:cs typeface="Century Gothic"/>
              </a:rPr>
              <a:t> </a:t>
            </a:r>
            <a:r>
              <a:rPr sz="1400" b="1" dirty="0">
                <a:latin typeface="Century Gothic"/>
                <a:cs typeface="Century Gothic"/>
              </a:rPr>
              <a:t>al.,</a:t>
            </a:r>
            <a:r>
              <a:rPr sz="1400" b="1" spc="-30" dirty="0">
                <a:latin typeface="Century Gothic"/>
                <a:cs typeface="Century Gothic"/>
              </a:rPr>
              <a:t> </a:t>
            </a:r>
            <a:r>
              <a:rPr sz="1400" b="1" i="1" dirty="0">
                <a:latin typeface="Century Gothic"/>
                <a:cs typeface="Century Gothic"/>
              </a:rPr>
              <a:t>Scientific</a:t>
            </a:r>
            <a:r>
              <a:rPr sz="1400" b="1" i="1" spc="-35" dirty="0">
                <a:latin typeface="Century Gothic"/>
                <a:cs typeface="Century Gothic"/>
              </a:rPr>
              <a:t> </a:t>
            </a:r>
            <a:r>
              <a:rPr sz="1400" b="1" i="1" dirty="0">
                <a:latin typeface="Century Gothic"/>
                <a:cs typeface="Century Gothic"/>
              </a:rPr>
              <a:t>reports</a:t>
            </a:r>
            <a:r>
              <a:rPr sz="1400" b="1" dirty="0">
                <a:latin typeface="Century Gothic"/>
                <a:cs typeface="Century Gothic"/>
              </a:rPr>
              <a:t>,</a:t>
            </a:r>
            <a:r>
              <a:rPr sz="1400" b="1" spc="5" dirty="0">
                <a:latin typeface="Century Gothic"/>
                <a:cs typeface="Century Gothic"/>
              </a:rPr>
              <a:t> </a:t>
            </a:r>
            <a:r>
              <a:rPr sz="1400" b="1" dirty="0">
                <a:latin typeface="Century Gothic"/>
                <a:cs typeface="Century Gothic"/>
              </a:rPr>
              <a:t>5</a:t>
            </a:r>
            <a:r>
              <a:rPr sz="1400" b="1" spc="-15" dirty="0">
                <a:latin typeface="Century Gothic"/>
                <a:cs typeface="Century Gothic"/>
              </a:rPr>
              <a:t> </a:t>
            </a:r>
            <a:r>
              <a:rPr sz="1400" b="1" dirty="0">
                <a:latin typeface="Century Gothic"/>
                <a:cs typeface="Century Gothic"/>
              </a:rPr>
              <a:t>10487,</a:t>
            </a:r>
            <a:r>
              <a:rPr sz="1400" b="1" spc="-55" dirty="0">
                <a:latin typeface="Century Gothic"/>
                <a:cs typeface="Century Gothic"/>
              </a:rPr>
              <a:t> </a:t>
            </a:r>
            <a:r>
              <a:rPr sz="1400" b="1" spc="-10" dirty="0">
                <a:latin typeface="Century Gothic"/>
                <a:cs typeface="Century Gothic"/>
              </a:rPr>
              <a:t>(2015)</a:t>
            </a:r>
            <a:endParaRPr sz="1400">
              <a:latin typeface="Century Gothic"/>
              <a:cs typeface="Century Gothic"/>
            </a:endParaRPr>
          </a:p>
          <a:p>
            <a:pPr marL="12700">
              <a:spcBef>
                <a:spcPts val="5"/>
              </a:spcBef>
            </a:pPr>
            <a:r>
              <a:rPr sz="1400" b="1" dirty="0">
                <a:latin typeface="ＭＳ ゴシック"/>
                <a:cs typeface="ＭＳ ゴシック"/>
              </a:rPr>
              <a:t>※</a:t>
            </a:r>
            <a:r>
              <a:rPr sz="1400" b="1" dirty="0">
                <a:latin typeface="Century Gothic"/>
                <a:cs typeface="Century Gothic"/>
              </a:rPr>
              <a:t>11</a:t>
            </a:r>
            <a:r>
              <a:rPr sz="1400" b="1" spc="-45" dirty="0">
                <a:latin typeface="Century Gothic"/>
                <a:cs typeface="Century Gothic"/>
              </a:rPr>
              <a:t> </a:t>
            </a:r>
            <a:r>
              <a:rPr sz="1400" b="1" dirty="0">
                <a:latin typeface="Century Gothic"/>
                <a:cs typeface="Century Gothic"/>
              </a:rPr>
              <a:t>K.</a:t>
            </a:r>
            <a:r>
              <a:rPr sz="1400" b="1" spc="-25" dirty="0">
                <a:latin typeface="Century Gothic"/>
                <a:cs typeface="Century Gothic"/>
              </a:rPr>
              <a:t> </a:t>
            </a:r>
            <a:r>
              <a:rPr sz="1400" b="1" dirty="0">
                <a:latin typeface="Century Gothic"/>
                <a:cs typeface="Century Gothic"/>
              </a:rPr>
              <a:t>Nakajima</a:t>
            </a:r>
            <a:r>
              <a:rPr sz="1400" b="1" spc="-30" dirty="0">
                <a:latin typeface="Century Gothic"/>
                <a:cs typeface="Century Gothic"/>
              </a:rPr>
              <a:t> </a:t>
            </a:r>
            <a:r>
              <a:rPr sz="1400" b="1" dirty="0">
                <a:latin typeface="Century Gothic"/>
                <a:cs typeface="Century Gothic"/>
              </a:rPr>
              <a:t>et</a:t>
            </a:r>
            <a:r>
              <a:rPr sz="1400" b="1" spc="-5" dirty="0">
                <a:latin typeface="Century Gothic"/>
                <a:cs typeface="Century Gothic"/>
              </a:rPr>
              <a:t> </a:t>
            </a:r>
            <a:r>
              <a:rPr sz="1400" b="1" dirty="0">
                <a:latin typeface="Century Gothic"/>
                <a:cs typeface="Century Gothic"/>
              </a:rPr>
              <a:t>al.,</a:t>
            </a:r>
            <a:r>
              <a:rPr sz="1400" b="1" spc="-20" dirty="0">
                <a:latin typeface="Century Gothic"/>
                <a:cs typeface="Century Gothic"/>
              </a:rPr>
              <a:t> </a:t>
            </a:r>
            <a:r>
              <a:rPr sz="1400" b="1" i="1" dirty="0">
                <a:latin typeface="Century Gothic"/>
                <a:cs typeface="Century Gothic"/>
              </a:rPr>
              <a:t>Soft</a:t>
            </a:r>
            <a:r>
              <a:rPr sz="1400" b="1" i="1" spc="-30" dirty="0">
                <a:latin typeface="Century Gothic"/>
                <a:cs typeface="Century Gothic"/>
              </a:rPr>
              <a:t> </a:t>
            </a:r>
            <a:r>
              <a:rPr sz="1400" b="1" i="1" dirty="0">
                <a:latin typeface="Century Gothic"/>
                <a:cs typeface="Century Gothic"/>
              </a:rPr>
              <a:t>Robotics</a:t>
            </a:r>
            <a:r>
              <a:rPr sz="1400" b="1" dirty="0">
                <a:latin typeface="Century Gothic"/>
                <a:cs typeface="Century Gothic"/>
              </a:rPr>
              <a:t>,</a:t>
            </a:r>
            <a:r>
              <a:rPr sz="1400" b="1" spc="-10" dirty="0">
                <a:latin typeface="Century Gothic"/>
                <a:cs typeface="Century Gothic"/>
              </a:rPr>
              <a:t> </a:t>
            </a:r>
            <a:r>
              <a:rPr sz="1400" b="1" dirty="0">
                <a:latin typeface="Century Gothic"/>
                <a:cs typeface="Century Gothic"/>
              </a:rPr>
              <a:t>3</a:t>
            </a:r>
            <a:r>
              <a:rPr sz="1400" b="1" spc="-10" dirty="0">
                <a:latin typeface="Century Gothic"/>
                <a:cs typeface="Century Gothic"/>
              </a:rPr>
              <a:t> </a:t>
            </a:r>
            <a:r>
              <a:rPr sz="1400" b="1" dirty="0">
                <a:latin typeface="Century Gothic"/>
                <a:cs typeface="Century Gothic"/>
              </a:rPr>
              <a:t>vol5.</a:t>
            </a:r>
            <a:r>
              <a:rPr sz="1400" b="1" spc="-25" dirty="0">
                <a:latin typeface="Century Gothic"/>
                <a:cs typeface="Century Gothic"/>
              </a:rPr>
              <a:t> </a:t>
            </a:r>
            <a:r>
              <a:rPr sz="1400" b="1" spc="-10" dirty="0">
                <a:latin typeface="Century Gothic"/>
                <a:cs typeface="Century Gothic"/>
              </a:rPr>
              <a:t>pp,339-</a:t>
            </a:r>
            <a:r>
              <a:rPr sz="1400" b="1" dirty="0">
                <a:latin typeface="Century Gothic"/>
                <a:cs typeface="Century Gothic"/>
              </a:rPr>
              <a:t>347</a:t>
            </a:r>
            <a:r>
              <a:rPr sz="1400" b="1" spc="-35" dirty="0">
                <a:latin typeface="Century Gothic"/>
                <a:cs typeface="Century Gothic"/>
              </a:rPr>
              <a:t> </a:t>
            </a:r>
            <a:r>
              <a:rPr sz="1400" b="1" spc="-10" dirty="0">
                <a:latin typeface="Century Gothic"/>
                <a:cs typeface="Century Gothic"/>
              </a:rPr>
              <a:t>(2018)</a:t>
            </a:r>
            <a:endParaRPr sz="1400">
              <a:latin typeface="Century Gothic"/>
              <a:cs typeface="Century Gothic"/>
            </a:endParaRPr>
          </a:p>
        </p:txBody>
      </p:sp>
      <p:sp>
        <p:nvSpPr>
          <p:cNvPr id="4" name="object 4"/>
          <p:cNvSpPr txBox="1"/>
          <p:nvPr/>
        </p:nvSpPr>
        <p:spPr>
          <a:xfrm>
            <a:off x="1602740" y="860298"/>
            <a:ext cx="9027795" cy="1158875"/>
          </a:xfrm>
          <a:prstGeom prst="rect">
            <a:avLst/>
          </a:prstGeom>
        </p:spPr>
        <p:txBody>
          <a:bodyPr vert="horz" wrap="square" lIns="0" tIns="12700" rIns="0" bIns="0" rtlCol="0">
            <a:spAutoFit/>
          </a:bodyPr>
          <a:lstStyle/>
          <a:p>
            <a:pPr marL="12700">
              <a:spcBef>
                <a:spcPts val="100"/>
              </a:spcBef>
            </a:pPr>
            <a:r>
              <a:rPr b="1" spc="90" dirty="0">
                <a:latin typeface="メイリオ"/>
                <a:cs typeface="メイリオ"/>
              </a:rPr>
              <a:t>日本語文献・</a:t>
            </a:r>
            <a:r>
              <a:rPr b="1" spc="-25" dirty="0">
                <a:latin typeface="Century Gothic"/>
                <a:cs typeface="Century Gothic"/>
              </a:rPr>
              <a:t>HP</a:t>
            </a:r>
            <a:endParaRPr>
              <a:latin typeface="Century Gothic"/>
              <a:cs typeface="Century Gothic"/>
            </a:endParaRPr>
          </a:p>
          <a:p>
            <a:pPr marL="12700">
              <a:spcBef>
                <a:spcPts val="40"/>
              </a:spcBef>
            </a:pPr>
            <a:r>
              <a:rPr sz="1400" b="1" dirty="0">
                <a:solidFill>
                  <a:srgbClr val="FF0000"/>
                </a:solidFill>
                <a:latin typeface="メイリオ"/>
                <a:cs typeface="メイリオ"/>
              </a:rPr>
              <a:t>田中剛平</a:t>
            </a:r>
            <a:r>
              <a:rPr sz="1400" b="1" spc="-15" dirty="0">
                <a:solidFill>
                  <a:srgbClr val="FF0000"/>
                </a:solidFill>
                <a:latin typeface="Century Gothic"/>
                <a:cs typeface="Century Gothic"/>
              </a:rPr>
              <a:t>, </a:t>
            </a:r>
            <a:r>
              <a:rPr sz="1400" b="1" spc="35" dirty="0">
                <a:solidFill>
                  <a:srgbClr val="FF0000"/>
                </a:solidFill>
                <a:latin typeface="メイリオ"/>
                <a:cs typeface="メイリオ"/>
              </a:rPr>
              <a:t>電子情報通信学会誌</a:t>
            </a:r>
            <a:r>
              <a:rPr sz="1400" b="1" dirty="0">
                <a:solidFill>
                  <a:srgbClr val="FF0000"/>
                </a:solidFill>
                <a:latin typeface="Century Gothic"/>
                <a:cs typeface="Century Gothic"/>
              </a:rPr>
              <a:t>vol.102</a:t>
            </a:r>
            <a:r>
              <a:rPr sz="1400" b="1" spc="-20" dirty="0">
                <a:solidFill>
                  <a:srgbClr val="FF0000"/>
                </a:solidFill>
                <a:latin typeface="Century Gothic"/>
                <a:cs typeface="Century Gothic"/>
              </a:rPr>
              <a:t>, </a:t>
            </a:r>
            <a:r>
              <a:rPr sz="1400" b="1" dirty="0">
                <a:solidFill>
                  <a:srgbClr val="FF0000"/>
                </a:solidFill>
                <a:latin typeface="Century Gothic"/>
                <a:cs typeface="Century Gothic"/>
              </a:rPr>
              <a:t>No.2</a:t>
            </a:r>
            <a:r>
              <a:rPr sz="1400" b="1" spc="5" dirty="0">
                <a:solidFill>
                  <a:srgbClr val="FF0000"/>
                </a:solidFill>
                <a:latin typeface="Century Gothic"/>
                <a:cs typeface="Century Gothic"/>
              </a:rPr>
              <a:t> </a:t>
            </a:r>
            <a:r>
              <a:rPr sz="1400" b="1" spc="-10" dirty="0">
                <a:solidFill>
                  <a:srgbClr val="FF0000"/>
                </a:solidFill>
                <a:latin typeface="Century Gothic"/>
                <a:cs typeface="Century Gothic"/>
              </a:rPr>
              <a:t>p108-113(2019</a:t>
            </a:r>
            <a:r>
              <a:rPr sz="1400" b="1" spc="-70" dirty="0">
                <a:solidFill>
                  <a:srgbClr val="FF0000"/>
                </a:solidFill>
                <a:latin typeface="Century Gothic"/>
                <a:cs typeface="Century Gothic"/>
              </a:rPr>
              <a:t>) </a:t>
            </a:r>
            <a:r>
              <a:rPr sz="1000" spc="-10" dirty="0">
                <a:latin typeface="Century Gothic"/>
                <a:cs typeface="Century Gothic"/>
                <a:hlinkClick r:id="rId2"/>
              </a:rPr>
              <a:t>http://eeip.t.u-tokyo.ac.jp/gtanaka/siryo/tanaka201902_ieice.pdf</a:t>
            </a:r>
            <a:endParaRPr sz="1000">
              <a:latin typeface="Century Gothic"/>
              <a:cs typeface="Century Gothic"/>
            </a:endParaRPr>
          </a:p>
          <a:p>
            <a:pPr marL="12700"/>
            <a:r>
              <a:rPr sz="1400" b="1" dirty="0">
                <a:solidFill>
                  <a:srgbClr val="FF0000"/>
                </a:solidFill>
                <a:latin typeface="メイリオ"/>
                <a:cs typeface="メイリオ"/>
              </a:rPr>
              <a:t>山根敏志，</a:t>
            </a:r>
            <a:r>
              <a:rPr sz="1400" b="1" dirty="0">
                <a:solidFill>
                  <a:srgbClr val="FF0000"/>
                </a:solidFill>
                <a:latin typeface="Century Gothic"/>
                <a:cs typeface="Century Gothic"/>
              </a:rPr>
              <a:t>PROVISION</a:t>
            </a:r>
            <a:r>
              <a:rPr sz="1400" b="1" spc="-70" dirty="0">
                <a:solidFill>
                  <a:srgbClr val="FF0000"/>
                </a:solidFill>
                <a:latin typeface="Century Gothic"/>
                <a:cs typeface="Century Gothic"/>
              </a:rPr>
              <a:t> </a:t>
            </a:r>
            <a:r>
              <a:rPr sz="1400" b="1" dirty="0">
                <a:solidFill>
                  <a:srgbClr val="FF0000"/>
                </a:solidFill>
                <a:latin typeface="Century Gothic"/>
                <a:cs typeface="Century Gothic"/>
              </a:rPr>
              <a:t>no.95</a:t>
            </a:r>
            <a:r>
              <a:rPr sz="1400" b="1" spc="-50" dirty="0">
                <a:solidFill>
                  <a:srgbClr val="FF0000"/>
                </a:solidFill>
                <a:latin typeface="Century Gothic"/>
                <a:cs typeface="Century Gothic"/>
              </a:rPr>
              <a:t> </a:t>
            </a:r>
            <a:r>
              <a:rPr sz="1400" b="1" spc="-10" dirty="0">
                <a:solidFill>
                  <a:srgbClr val="FF0000"/>
                </a:solidFill>
                <a:latin typeface="Century Gothic"/>
                <a:cs typeface="Century Gothic"/>
              </a:rPr>
              <a:t>p61-</a:t>
            </a:r>
            <a:r>
              <a:rPr sz="1400" b="1" dirty="0">
                <a:solidFill>
                  <a:srgbClr val="FF0000"/>
                </a:solidFill>
                <a:latin typeface="Century Gothic"/>
                <a:cs typeface="Century Gothic"/>
              </a:rPr>
              <a:t>65(2019</a:t>
            </a:r>
            <a:r>
              <a:rPr sz="1000" b="1" spc="100" dirty="0">
                <a:solidFill>
                  <a:srgbClr val="FF0000"/>
                </a:solidFill>
                <a:latin typeface="Century Gothic"/>
                <a:cs typeface="Century Gothic"/>
              </a:rPr>
              <a:t>) </a:t>
            </a:r>
            <a:r>
              <a:rPr sz="1000" spc="-10" dirty="0">
                <a:latin typeface="Century Gothic"/>
                <a:cs typeface="Century Gothic"/>
              </a:rPr>
              <a:t>https://</a:t>
            </a:r>
            <a:r>
              <a:rPr sz="1000" spc="-10" dirty="0">
                <a:latin typeface="Century Gothic"/>
                <a:cs typeface="Century Gothic"/>
                <a:hlinkClick r:id="rId3"/>
              </a:rPr>
              <a:t>www.ibm.com/downloads/cas/8MZNZZGX</a:t>
            </a:r>
            <a:endParaRPr sz="1000">
              <a:latin typeface="Century Gothic"/>
              <a:cs typeface="Century Gothic"/>
            </a:endParaRPr>
          </a:p>
          <a:p>
            <a:pPr marL="12700"/>
            <a:r>
              <a:rPr sz="1400" b="1" spc="-15" dirty="0">
                <a:latin typeface="メイリオ"/>
                <a:cs typeface="メイリオ"/>
              </a:rPr>
              <a:t>ビジネスコミュニケーション</a:t>
            </a:r>
            <a:r>
              <a:rPr sz="1400" b="1" dirty="0">
                <a:latin typeface="Century Gothic"/>
                <a:cs typeface="Century Gothic"/>
              </a:rPr>
              <a:t>vol.55</a:t>
            </a:r>
            <a:r>
              <a:rPr sz="1400" b="1" spc="-50" dirty="0">
                <a:latin typeface="Century Gothic"/>
                <a:cs typeface="Century Gothic"/>
              </a:rPr>
              <a:t> </a:t>
            </a:r>
            <a:r>
              <a:rPr sz="1400" b="1" dirty="0">
                <a:latin typeface="Century Gothic"/>
                <a:cs typeface="Century Gothic"/>
              </a:rPr>
              <a:t>No.6</a:t>
            </a:r>
            <a:r>
              <a:rPr sz="1400" b="1" spc="-5" dirty="0">
                <a:latin typeface="Century Gothic"/>
                <a:cs typeface="Century Gothic"/>
              </a:rPr>
              <a:t> </a:t>
            </a:r>
            <a:r>
              <a:rPr sz="1400" b="1" dirty="0">
                <a:latin typeface="Century Gothic"/>
                <a:cs typeface="Century Gothic"/>
              </a:rPr>
              <a:t>p2-</a:t>
            </a:r>
            <a:r>
              <a:rPr sz="1400" b="1" spc="-10" dirty="0">
                <a:latin typeface="Century Gothic"/>
                <a:cs typeface="Century Gothic"/>
              </a:rPr>
              <a:t>p3(2018)</a:t>
            </a:r>
            <a:endParaRPr sz="1400">
              <a:latin typeface="Century Gothic"/>
              <a:cs typeface="Century Gothic"/>
            </a:endParaRPr>
          </a:p>
          <a:p>
            <a:pPr marL="12700">
              <a:tabLst>
                <a:tab pos="2647315" algn="l"/>
              </a:tabLst>
            </a:pPr>
            <a:r>
              <a:rPr sz="1400" b="1" spc="-10" dirty="0">
                <a:latin typeface="Century Gothic"/>
                <a:cs typeface="Century Gothic"/>
              </a:rPr>
              <a:t>NTT</a:t>
            </a:r>
            <a:r>
              <a:rPr sz="1400" b="1" dirty="0">
                <a:latin typeface="メイリオ"/>
                <a:cs typeface="メイリオ"/>
              </a:rPr>
              <a:t>先端集積デバイス</a:t>
            </a:r>
            <a:r>
              <a:rPr sz="1400" b="1" spc="-15" dirty="0">
                <a:latin typeface="メイリオ"/>
                <a:cs typeface="メイリオ"/>
              </a:rPr>
              <a:t>研</a:t>
            </a:r>
            <a:r>
              <a:rPr sz="1400" b="1" dirty="0">
                <a:latin typeface="メイリオ"/>
                <a:cs typeface="メイリオ"/>
              </a:rPr>
              <a:t>究所</a:t>
            </a:r>
            <a:r>
              <a:rPr sz="1400" b="1" spc="-25" dirty="0">
                <a:latin typeface="Century Gothic"/>
                <a:cs typeface="Century Gothic"/>
              </a:rPr>
              <a:t>HP</a:t>
            </a:r>
            <a:r>
              <a:rPr sz="1400" b="1" dirty="0">
                <a:latin typeface="Century Gothic"/>
                <a:cs typeface="Century Gothic"/>
              </a:rPr>
              <a:t>	</a:t>
            </a:r>
            <a:r>
              <a:rPr sz="1000" b="1" spc="-10" dirty="0">
                <a:latin typeface="Century Gothic"/>
                <a:cs typeface="Century Gothic"/>
              </a:rPr>
              <a:t>https:/</a:t>
            </a:r>
            <a:r>
              <a:rPr sz="1000" b="1" spc="-10" dirty="0">
                <a:latin typeface="Century Gothic"/>
                <a:cs typeface="Century Gothic"/>
                <a:hlinkClick r:id="rId4"/>
              </a:rPr>
              <a:t>/www.ntt.co.jp/dtl/technology/pe_product-photonic-reservoir.html</a:t>
            </a:r>
            <a:endParaRPr sz="1000">
              <a:latin typeface="Century Gothic"/>
              <a:cs typeface="Century Gothic"/>
            </a:endParaRPr>
          </a:p>
        </p:txBody>
      </p:sp>
      <p:sp>
        <p:nvSpPr>
          <p:cNvPr id="5" name="object 5"/>
          <p:cNvSpPr txBox="1"/>
          <p:nvPr/>
        </p:nvSpPr>
        <p:spPr>
          <a:xfrm>
            <a:off x="1602740" y="1992884"/>
            <a:ext cx="3307715" cy="228909"/>
          </a:xfrm>
          <a:prstGeom prst="rect">
            <a:avLst/>
          </a:prstGeom>
        </p:spPr>
        <p:txBody>
          <a:bodyPr vert="horz" wrap="square" lIns="0" tIns="13335" rIns="0" bIns="0" rtlCol="0">
            <a:spAutoFit/>
          </a:bodyPr>
          <a:lstStyle/>
          <a:p>
            <a:pPr marL="12700">
              <a:spcBef>
                <a:spcPts val="105"/>
              </a:spcBef>
            </a:pPr>
            <a:r>
              <a:rPr sz="1400" b="1" spc="-5" dirty="0">
                <a:latin typeface="メイリオ"/>
                <a:cs typeface="メイリオ"/>
              </a:rPr>
              <a:t>東京大学プレスリリース</a:t>
            </a:r>
            <a:r>
              <a:rPr sz="1400" b="1" spc="-10" dirty="0">
                <a:latin typeface="メイリオ"/>
                <a:cs typeface="メイリオ"/>
              </a:rPr>
              <a:t>（</a:t>
            </a:r>
            <a:r>
              <a:rPr sz="1400" b="1" spc="-10" dirty="0">
                <a:latin typeface="Century Gothic"/>
                <a:cs typeface="Century Gothic"/>
              </a:rPr>
              <a:t>2018/02/23</a:t>
            </a:r>
            <a:r>
              <a:rPr sz="1400" b="1" spc="-10" dirty="0">
                <a:latin typeface="メイリオ"/>
                <a:cs typeface="メイリオ"/>
              </a:rPr>
              <a:t>）</a:t>
            </a:r>
            <a:endParaRPr sz="1400">
              <a:latin typeface="メイリオ"/>
              <a:cs typeface="メイリオ"/>
            </a:endParaRPr>
          </a:p>
        </p:txBody>
      </p:sp>
      <p:sp>
        <p:nvSpPr>
          <p:cNvPr id="6" name="object 6"/>
          <p:cNvSpPr txBox="1"/>
          <p:nvPr/>
        </p:nvSpPr>
        <p:spPr>
          <a:xfrm>
            <a:off x="5058284" y="2044700"/>
            <a:ext cx="4840605" cy="166071"/>
          </a:xfrm>
          <a:prstGeom prst="rect">
            <a:avLst/>
          </a:prstGeom>
        </p:spPr>
        <p:txBody>
          <a:bodyPr vert="horz" wrap="square" lIns="0" tIns="12065" rIns="0" bIns="0" rtlCol="0">
            <a:spAutoFit/>
          </a:bodyPr>
          <a:lstStyle/>
          <a:p>
            <a:pPr marL="12700">
              <a:spcBef>
                <a:spcPts val="95"/>
              </a:spcBef>
            </a:pPr>
            <a:r>
              <a:rPr sz="1000" b="1" spc="-10" dirty="0">
                <a:latin typeface="Century Gothic"/>
                <a:cs typeface="Century Gothic"/>
                <a:hlinkClick r:id="rId5"/>
              </a:rPr>
              <a:t>http://www.t.u-tokyo.ac.jp/soe/press/setnws_201802231415194061626317.html</a:t>
            </a:r>
            <a:endParaRPr sz="1000">
              <a:latin typeface="Century Gothic"/>
              <a:cs typeface="Century Gothic"/>
            </a:endParaRPr>
          </a:p>
        </p:txBody>
      </p:sp>
      <p:sp>
        <p:nvSpPr>
          <p:cNvPr id="7" name="object 7"/>
          <p:cNvSpPr txBox="1"/>
          <p:nvPr/>
        </p:nvSpPr>
        <p:spPr>
          <a:xfrm>
            <a:off x="1602740" y="2206245"/>
            <a:ext cx="5395595" cy="452755"/>
          </a:xfrm>
          <a:prstGeom prst="rect">
            <a:avLst/>
          </a:prstGeom>
        </p:spPr>
        <p:txBody>
          <a:bodyPr vert="horz" wrap="square" lIns="0" tIns="13335" rIns="0" bIns="0" rtlCol="0">
            <a:spAutoFit/>
          </a:bodyPr>
          <a:lstStyle/>
          <a:p>
            <a:pPr marL="12700">
              <a:spcBef>
                <a:spcPts val="105"/>
              </a:spcBef>
            </a:pPr>
            <a:r>
              <a:rPr sz="1400" b="1" spc="-15" dirty="0">
                <a:latin typeface="メイリオ"/>
                <a:cs typeface="メイリオ"/>
              </a:rPr>
              <a:t>埼玉大学 内田研究室 </a:t>
            </a:r>
            <a:r>
              <a:rPr sz="1000" b="1" spc="-10" dirty="0">
                <a:latin typeface="Century Gothic"/>
                <a:cs typeface="Century Gothic"/>
                <a:hlinkClick r:id="rId6"/>
              </a:rPr>
              <a:t>http://www.au.ics.saitama-u.ac.jp/project/detail1/?lang=ja</a:t>
            </a:r>
            <a:endParaRPr sz="1000">
              <a:latin typeface="Century Gothic"/>
              <a:cs typeface="Century Gothic"/>
            </a:endParaRPr>
          </a:p>
          <a:p>
            <a:pPr marL="12700">
              <a:tabLst>
                <a:tab pos="2451100" algn="l"/>
              </a:tabLst>
            </a:pPr>
            <a:r>
              <a:rPr sz="1400" b="1" dirty="0">
                <a:latin typeface="メイリオ"/>
                <a:cs typeface="メイリオ"/>
              </a:rPr>
              <a:t>株式会社</a:t>
            </a:r>
            <a:r>
              <a:rPr sz="1400" b="1" dirty="0">
                <a:latin typeface="Century Gothic"/>
                <a:cs typeface="Century Gothic"/>
              </a:rPr>
              <a:t>Quantum</a:t>
            </a:r>
            <a:r>
              <a:rPr sz="1400" b="1" spc="-60" dirty="0">
                <a:latin typeface="Century Gothic"/>
                <a:cs typeface="Century Gothic"/>
              </a:rPr>
              <a:t> </a:t>
            </a:r>
            <a:r>
              <a:rPr sz="1400" b="1" dirty="0">
                <a:latin typeface="Century Gothic"/>
                <a:cs typeface="Century Gothic"/>
              </a:rPr>
              <a:t>Core</a:t>
            </a:r>
            <a:r>
              <a:rPr sz="1400" b="1" spc="-20" dirty="0">
                <a:latin typeface="Century Gothic"/>
                <a:cs typeface="Century Gothic"/>
              </a:rPr>
              <a:t> </a:t>
            </a:r>
            <a:r>
              <a:rPr sz="1400" b="1" spc="-25" dirty="0">
                <a:latin typeface="Century Gothic"/>
                <a:cs typeface="Century Gothic"/>
              </a:rPr>
              <a:t>HP</a:t>
            </a:r>
            <a:r>
              <a:rPr sz="1400" b="1" dirty="0">
                <a:latin typeface="Century Gothic"/>
                <a:cs typeface="Century Gothic"/>
              </a:rPr>
              <a:t>	</a:t>
            </a:r>
            <a:r>
              <a:rPr sz="1000" b="1" spc="-10" dirty="0">
                <a:latin typeface="Century Gothic"/>
                <a:cs typeface="Century Gothic"/>
              </a:rPr>
              <a:t>https:/</a:t>
            </a:r>
            <a:r>
              <a:rPr sz="1000" b="1" spc="-10" dirty="0">
                <a:latin typeface="Century Gothic"/>
                <a:cs typeface="Century Gothic"/>
                <a:hlinkClick r:id="rId7"/>
              </a:rPr>
              <a:t>/www.qcore.co.jp/</a:t>
            </a:r>
            <a:endParaRPr sz="1000">
              <a:latin typeface="Century Gothic"/>
              <a:cs typeface="Century Gothic"/>
            </a:endParaRPr>
          </a:p>
        </p:txBody>
      </p:sp>
      <p:sp>
        <p:nvSpPr>
          <p:cNvPr id="8" name="object 8"/>
          <p:cNvSpPr txBox="1"/>
          <p:nvPr/>
        </p:nvSpPr>
        <p:spPr>
          <a:xfrm>
            <a:off x="1602740" y="2632964"/>
            <a:ext cx="2483485" cy="228909"/>
          </a:xfrm>
          <a:prstGeom prst="rect">
            <a:avLst/>
          </a:prstGeom>
        </p:spPr>
        <p:txBody>
          <a:bodyPr vert="horz" wrap="square" lIns="0" tIns="13335" rIns="0" bIns="0" rtlCol="0">
            <a:spAutoFit/>
          </a:bodyPr>
          <a:lstStyle/>
          <a:p>
            <a:pPr marL="12700">
              <a:spcBef>
                <a:spcPts val="105"/>
              </a:spcBef>
            </a:pPr>
            <a:r>
              <a:rPr sz="1400" b="1" dirty="0">
                <a:latin typeface="メイリオ"/>
                <a:cs typeface="メイリオ"/>
              </a:rPr>
              <a:t>日経新聞</a:t>
            </a:r>
            <a:r>
              <a:rPr sz="1400" b="1" spc="-10" dirty="0">
                <a:latin typeface="Century Gothic"/>
                <a:cs typeface="Century Gothic"/>
              </a:rPr>
              <a:t>web</a:t>
            </a:r>
            <a:r>
              <a:rPr sz="1400" b="1" spc="-35" dirty="0">
                <a:latin typeface="メイリオ"/>
                <a:cs typeface="メイリオ"/>
              </a:rPr>
              <a:t>記事 </a:t>
            </a:r>
            <a:r>
              <a:rPr sz="1400" b="1" spc="-10" dirty="0">
                <a:latin typeface="Century Gothic"/>
                <a:cs typeface="Century Gothic"/>
              </a:rPr>
              <a:t>2018/08/30</a:t>
            </a:r>
            <a:endParaRPr sz="1400">
              <a:latin typeface="Century Gothic"/>
              <a:cs typeface="Century Gothic"/>
            </a:endParaRPr>
          </a:p>
        </p:txBody>
      </p:sp>
      <p:sp>
        <p:nvSpPr>
          <p:cNvPr id="9" name="object 9"/>
          <p:cNvSpPr txBox="1"/>
          <p:nvPr/>
        </p:nvSpPr>
        <p:spPr>
          <a:xfrm>
            <a:off x="4236467" y="2684780"/>
            <a:ext cx="4170045" cy="166071"/>
          </a:xfrm>
          <a:prstGeom prst="rect">
            <a:avLst/>
          </a:prstGeom>
        </p:spPr>
        <p:txBody>
          <a:bodyPr vert="horz" wrap="square" lIns="0" tIns="12065" rIns="0" bIns="0" rtlCol="0">
            <a:spAutoFit/>
          </a:bodyPr>
          <a:lstStyle/>
          <a:p>
            <a:pPr marL="12700">
              <a:spcBef>
                <a:spcPts val="95"/>
              </a:spcBef>
            </a:pPr>
            <a:r>
              <a:rPr sz="1000" b="1" spc="-10" dirty="0">
                <a:latin typeface="Century Gothic"/>
                <a:cs typeface="Century Gothic"/>
              </a:rPr>
              <a:t>https:/</a:t>
            </a:r>
            <a:r>
              <a:rPr sz="1000" b="1" spc="-10" dirty="0">
                <a:latin typeface="Century Gothic"/>
                <a:cs typeface="Century Gothic"/>
                <a:hlinkClick r:id="rId8"/>
              </a:rPr>
              <a:t>/www.nikkei.com/article/DGXMZO32049350R20C18A6000000</a:t>
            </a:r>
            <a:endParaRPr sz="1000">
              <a:latin typeface="Century Gothic"/>
              <a:cs typeface="Century Gothic"/>
            </a:endParaRPr>
          </a:p>
        </p:txBody>
      </p:sp>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学習の参考</a:t>
            </a:r>
          </a:p>
        </p:txBody>
      </p:sp>
    </p:spTree>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CB91481A-8BC9-0153-45F2-A967DC5B8929}"/>
              </a:ext>
            </a:extLst>
          </p:cNvPr>
          <p:cNvSpPr/>
          <p:nvPr/>
        </p:nvSpPr>
        <p:spPr>
          <a:xfrm>
            <a:off x="0" y="0"/>
            <a:ext cx="12192000" cy="6858000"/>
          </a:xfrm>
          <a:prstGeom prst="rect">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a:extLst>
              <a:ext uri="{FF2B5EF4-FFF2-40B4-BE49-F238E27FC236}">
                <a16:creationId xmlns:a16="http://schemas.microsoft.com/office/drawing/2014/main" id="{42E70F4F-0068-BA4F-86DA-069E75A81E2D}"/>
              </a:ext>
            </a:extLst>
          </p:cNvPr>
          <p:cNvSpPr txBox="1"/>
          <p:nvPr/>
        </p:nvSpPr>
        <p:spPr>
          <a:xfrm>
            <a:off x="1" y="2705725"/>
            <a:ext cx="12191999" cy="1446550"/>
          </a:xfrm>
          <a:prstGeom prst="rect">
            <a:avLst/>
          </a:prstGeom>
          <a:noFill/>
        </p:spPr>
        <p:txBody>
          <a:bodyPr wrap="square" rtlCol="0">
            <a:spAutoFit/>
          </a:bodyPr>
          <a:lstStyle/>
          <a:p>
            <a:pPr algn="ctr"/>
            <a:r>
              <a:rPr lang="ja-JP" altLang="en-US"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メモリスタ</a:t>
            </a:r>
            <a:r>
              <a:rPr kumimoji="1" lang="ja-JP" altLang="en-US" sz="16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とは？</a:t>
            </a:r>
            <a:endParaRPr kumimoji="1" lang="en-US" altLang="ja-JP"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endParaRPr>
          </a:p>
        </p:txBody>
      </p:sp>
    </p:spTree>
    <p:extLst>
      <p:ext uri="{BB962C8B-B14F-4D97-AF65-F5344CB8AC3E}">
        <p14:creationId xmlns:p14="http://schemas.microsoft.com/office/powerpoint/2010/main" val="150481861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メモリスタとは？</a:t>
            </a:r>
          </a:p>
        </p:txBody>
      </p:sp>
      <p:pic>
        <p:nvPicPr>
          <p:cNvPr id="5" name="図 4">
            <a:extLst>
              <a:ext uri="{FF2B5EF4-FFF2-40B4-BE49-F238E27FC236}">
                <a16:creationId xmlns:a16="http://schemas.microsoft.com/office/drawing/2014/main" id="{A3C919EC-BB49-C84C-05A6-0FA2DBB8D37E}"/>
              </a:ext>
            </a:extLst>
          </p:cNvPr>
          <p:cNvPicPr>
            <a:picLocks noChangeAspect="1"/>
          </p:cNvPicPr>
          <p:nvPr/>
        </p:nvPicPr>
        <p:blipFill>
          <a:blip r:embed="rId2"/>
          <a:stretch>
            <a:fillRect/>
          </a:stretch>
        </p:blipFill>
        <p:spPr>
          <a:xfrm>
            <a:off x="122176" y="1042870"/>
            <a:ext cx="5555669" cy="4684945"/>
          </a:xfrm>
          <a:prstGeom prst="rect">
            <a:avLst/>
          </a:prstGeom>
        </p:spPr>
      </p:pic>
      <p:grpSp>
        <p:nvGrpSpPr>
          <p:cNvPr id="34" name="グループ化 33">
            <a:extLst>
              <a:ext uri="{FF2B5EF4-FFF2-40B4-BE49-F238E27FC236}">
                <a16:creationId xmlns:a16="http://schemas.microsoft.com/office/drawing/2014/main" id="{5E073795-1F2D-CEF9-214F-72D25BA0FE63}"/>
              </a:ext>
            </a:extLst>
          </p:cNvPr>
          <p:cNvGrpSpPr/>
          <p:nvPr/>
        </p:nvGrpSpPr>
        <p:grpSpPr>
          <a:xfrm>
            <a:off x="5453757" y="626719"/>
            <a:ext cx="6298268" cy="6037250"/>
            <a:chOff x="5801380" y="694732"/>
            <a:chExt cx="6298268" cy="6037250"/>
          </a:xfrm>
        </p:grpSpPr>
        <p:pic>
          <p:nvPicPr>
            <p:cNvPr id="31" name="図 30">
              <a:extLst>
                <a:ext uri="{FF2B5EF4-FFF2-40B4-BE49-F238E27FC236}">
                  <a16:creationId xmlns:a16="http://schemas.microsoft.com/office/drawing/2014/main" id="{4732ED55-6A38-ED1F-DD3E-3945BC299E46}"/>
                </a:ext>
              </a:extLst>
            </p:cNvPr>
            <p:cNvPicPr>
              <a:picLocks noChangeAspect="1"/>
            </p:cNvPicPr>
            <p:nvPr/>
          </p:nvPicPr>
          <p:blipFill>
            <a:blip r:embed="rId3"/>
            <a:stretch>
              <a:fillRect/>
            </a:stretch>
          </p:blipFill>
          <p:spPr>
            <a:xfrm>
              <a:off x="5801380" y="3145109"/>
              <a:ext cx="976449" cy="952633"/>
            </a:xfrm>
            <a:prstGeom prst="rect">
              <a:avLst/>
            </a:prstGeom>
          </p:spPr>
        </p:pic>
        <p:pic>
          <p:nvPicPr>
            <p:cNvPr id="2050" name="Picture 2" descr="LHDM005571CYFV0E インダクタ(コイル)｜日本ケミコン株式会社">
              <a:extLst>
                <a:ext uri="{FF2B5EF4-FFF2-40B4-BE49-F238E27FC236}">
                  <a16:creationId xmlns:a16="http://schemas.microsoft.com/office/drawing/2014/main" id="{CB2F794D-A80F-271D-23E5-896F02252E6E}"/>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rot="17981633">
              <a:off x="8747073" y="4209354"/>
              <a:ext cx="798524" cy="798524"/>
            </a:xfrm>
            <a:prstGeom prst="rect">
              <a:avLst/>
            </a:prstGeom>
            <a:noFill/>
            <a:extLst>
              <a:ext uri="{909E8E84-426E-40DD-AFC4-6F175D3DCCD1}">
                <a14:hiddenFill xmlns:a14="http://schemas.microsoft.com/office/drawing/2010/main">
                  <a:solidFill>
                    <a:srgbClr val="FFFFFF"/>
                  </a:solidFill>
                </a14:hiddenFill>
              </a:ext>
            </a:extLst>
          </p:spPr>
        </p:pic>
        <p:sp>
          <p:nvSpPr>
            <p:cNvPr id="8" name="正方形/長方形 7">
              <a:extLst>
                <a:ext uri="{FF2B5EF4-FFF2-40B4-BE49-F238E27FC236}">
                  <a16:creationId xmlns:a16="http://schemas.microsoft.com/office/drawing/2014/main" id="{0250FF7C-6001-B87C-8C2E-DD04F357ECBA}"/>
                </a:ext>
              </a:extLst>
            </p:cNvPr>
            <p:cNvSpPr/>
            <p:nvPr/>
          </p:nvSpPr>
          <p:spPr>
            <a:xfrm>
              <a:off x="6861779" y="1753230"/>
              <a:ext cx="4549329" cy="4307504"/>
            </a:xfrm>
            <a:prstGeom prst="rect">
              <a:avLst/>
            </a:prstGeom>
            <a:noFill/>
            <a:ln w="76200">
              <a:solidFill>
                <a:schemeClr val="accent2">
                  <a:lumMod val="50000"/>
                </a:schemeClr>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楕円 8">
              <a:extLst>
                <a:ext uri="{FF2B5EF4-FFF2-40B4-BE49-F238E27FC236}">
                  <a16:creationId xmlns:a16="http://schemas.microsoft.com/office/drawing/2014/main" id="{B32EE935-8D8F-813B-DB6B-65ACB03E52FA}"/>
                </a:ext>
              </a:extLst>
            </p:cNvPr>
            <p:cNvSpPr/>
            <p:nvPr/>
          </p:nvSpPr>
          <p:spPr>
            <a:xfrm>
              <a:off x="6187500" y="1088212"/>
              <a:ext cx="1369525" cy="1299809"/>
            </a:xfrm>
            <a:prstGeom prst="ellipse">
              <a:avLst/>
            </a:prstGeom>
            <a:solidFill>
              <a:srgbClr val="002060"/>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a:extLst>
                <a:ext uri="{FF2B5EF4-FFF2-40B4-BE49-F238E27FC236}">
                  <a16:creationId xmlns:a16="http://schemas.microsoft.com/office/drawing/2014/main" id="{A0EF452E-44E4-4A9C-80A5-5D8A341DBF89}"/>
                </a:ext>
              </a:extLst>
            </p:cNvPr>
            <p:cNvSpPr txBox="1"/>
            <p:nvPr/>
          </p:nvSpPr>
          <p:spPr>
            <a:xfrm>
              <a:off x="6306761" y="1429197"/>
              <a:ext cx="1250264" cy="646331"/>
            </a:xfrm>
            <a:prstGeom prst="rect">
              <a:avLst/>
            </a:prstGeom>
            <a:noFill/>
          </p:spPr>
          <p:txBody>
            <a:bodyPr wrap="square" rtlCol="0">
              <a:spAutoFit/>
            </a:bodyPr>
            <a:lstStyle/>
            <a:p>
              <a:r>
                <a:rPr kumimoji="1" lang="ja-JP" altLang="en-US" sz="3600" b="1" dirty="0">
                  <a:solidFill>
                    <a:schemeClr val="bg1"/>
                  </a:solidFill>
                </a:rPr>
                <a:t>電圧</a:t>
              </a:r>
            </a:p>
          </p:txBody>
        </p:sp>
        <p:sp>
          <p:nvSpPr>
            <p:cNvPr id="15" name="楕円 14">
              <a:extLst>
                <a:ext uri="{FF2B5EF4-FFF2-40B4-BE49-F238E27FC236}">
                  <a16:creationId xmlns:a16="http://schemas.microsoft.com/office/drawing/2014/main" id="{C284365A-F00F-659E-9707-2EDB5368C355}"/>
                </a:ext>
              </a:extLst>
            </p:cNvPr>
            <p:cNvSpPr/>
            <p:nvPr/>
          </p:nvSpPr>
          <p:spPr>
            <a:xfrm>
              <a:off x="10730123" y="1110883"/>
              <a:ext cx="1369525" cy="1299809"/>
            </a:xfrm>
            <a:prstGeom prst="ellipse">
              <a:avLst/>
            </a:prstGeom>
            <a:solidFill>
              <a:srgbClr val="7030A0"/>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テキスト ボックス 15">
              <a:extLst>
                <a:ext uri="{FF2B5EF4-FFF2-40B4-BE49-F238E27FC236}">
                  <a16:creationId xmlns:a16="http://schemas.microsoft.com/office/drawing/2014/main" id="{A164F6C0-958D-A8BD-512B-4B72ACA29104}"/>
                </a:ext>
              </a:extLst>
            </p:cNvPr>
            <p:cNvSpPr txBox="1"/>
            <p:nvPr/>
          </p:nvSpPr>
          <p:spPr>
            <a:xfrm>
              <a:off x="10849384" y="1451868"/>
              <a:ext cx="1250264" cy="646331"/>
            </a:xfrm>
            <a:prstGeom prst="rect">
              <a:avLst/>
            </a:prstGeom>
            <a:noFill/>
          </p:spPr>
          <p:txBody>
            <a:bodyPr wrap="square" rtlCol="0">
              <a:spAutoFit/>
            </a:bodyPr>
            <a:lstStyle/>
            <a:p>
              <a:r>
                <a:rPr kumimoji="1" lang="ja-JP" altLang="en-US" sz="3600" b="1" dirty="0">
                  <a:solidFill>
                    <a:schemeClr val="bg1"/>
                  </a:solidFill>
                </a:rPr>
                <a:t>電荷</a:t>
              </a:r>
            </a:p>
          </p:txBody>
        </p:sp>
        <p:sp>
          <p:nvSpPr>
            <p:cNvPr id="17" name="楕円 16">
              <a:extLst>
                <a:ext uri="{FF2B5EF4-FFF2-40B4-BE49-F238E27FC236}">
                  <a16:creationId xmlns:a16="http://schemas.microsoft.com/office/drawing/2014/main" id="{184FC6F6-0E89-16E4-68C1-1CE296CBFA15}"/>
                </a:ext>
              </a:extLst>
            </p:cNvPr>
            <p:cNvSpPr/>
            <p:nvPr/>
          </p:nvSpPr>
          <p:spPr>
            <a:xfrm>
              <a:off x="6185850" y="5403272"/>
              <a:ext cx="1369525" cy="1299809"/>
            </a:xfrm>
            <a:prstGeom prst="ellipse">
              <a:avLst/>
            </a:prstGeom>
            <a:solidFill>
              <a:schemeClr val="accent2">
                <a:lumMod val="7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a:extLst>
                <a:ext uri="{FF2B5EF4-FFF2-40B4-BE49-F238E27FC236}">
                  <a16:creationId xmlns:a16="http://schemas.microsoft.com/office/drawing/2014/main" id="{F258737F-4333-10FA-5D59-08E90D984FD4}"/>
                </a:ext>
              </a:extLst>
            </p:cNvPr>
            <p:cNvSpPr txBox="1"/>
            <p:nvPr/>
          </p:nvSpPr>
          <p:spPr>
            <a:xfrm>
              <a:off x="6305111" y="5744257"/>
              <a:ext cx="1250264" cy="646331"/>
            </a:xfrm>
            <a:prstGeom prst="rect">
              <a:avLst/>
            </a:prstGeom>
            <a:noFill/>
          </p:spPr>
          <p:txBody>
            <a:bodyPr wrap="square" rtlCol="0">
              <a:spAutoFit/>
            </a:bodyPr>
            <a:lstStyle/>
            <a:p>
              <a:r>
                <a:rPr kumimoji="1" lang="ja-JP" altLang="en-US" sz="3600" b="1" dirty="0">
                  <a:solidFill>
                    <a:schemeClr val="bg1"/>
                  </a:solidFill>
                </a:rPr>
                <a:t>電流</a:t>
              </a:r>
            </a:p>
          </p:txBody>
        </p:sp>
        <p:sp>
          <p:nvSpPr>
            <p:cNvPr id="19" name="楕円 18">
              <a:extLst>
                <a:ext uri="{FF2B5EF4-FFF2-40B4-BE49-F238E27FC236}">
                  <a16:creationId xmlns:a16="http://schemas.microsoft.com/office/drawing/2014/main" id="{ED5EA6EF-8FA9-6F46-7750-38BB336C7648}"/>
                </a:ext>
              </a:extLst>
            </p:cNvPr>
            <p:cNvSpPr/>
            <p:nvPr/>
          </p:nvSpPr>
          <p:spPr>
            <a:xfrm>
              <a:off x="10722994" y="5432173"/>
              <a:ext cx="1369525" cy="1299809"/>
            </a:xfrm>
            <a:prstGeom prst="ellipse">
              <a:avLst/>
            </a:prstGeom>
            <a:solidFill>
              <a:srgbClr val="FFC000"/>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a:extLst>
                <a:ext uri="{FF2B5EF4-FFF2-40B4-BE49-F238E27FC236}">
                  <a16:creationId xmlns:a16="http://schemas.microsoft.com/office/drawing/2014/main" id="{9C1ECB68-9ECD-B3C9-F1B5-9EF8044188C3}"/>
                </a:ext>
              </a:extLst>
            </p:cNvPr>
            <p:cNvSpPr txBox="1"/>
            <p:nvPr/>
          </p:nvSpPr>
          <p:spPr>
            <a:xfrm>
              <a:off x="10842255" y="5773158"/>
              <a:ext cx="1250264" cy="646331"/>
            </a:xfrm>
            <a:prstGeom prst="rect">
              <a:avLst/>
            </a:prstGeom>
            <a:noFill/>
          </p:spPr>
          <p:txBody>
            <a:bodyPr wrap="square" rtlCol="0">
              <a:spAutoFit/>
            </a:bodyPr>
            <a:lstStyle/>
            <a:p>
              <a:r>
                <a:rPr lang="ja-JP" altLang="en-US" sz="3600" b="1" dirty="0"/>
                <a:t>磁束</a:t>
              </a:r>
              <a:endParaRPr kumimoji="1" lang="ja-JP" altLang="en-US" sz="3600" b="1" dirty="0"/>
            </a:p>
          </p:txBody>
        </p:sp>
        <p:cxnSp>
          <p:nvCxnSpPr>
            <p:cNvPr id="22" name="直線矢印コネクタ 21">
              <a:extLst>
                <a:ext uri="{FF2B5EF4-FFF2-40B4-BE49-F238E27FC236}">
                  <a16:creationId xmlns:a16="http://schemas.microsoft.com/office/drawing/2014/main" id="{41925DBD-6C96-EDE4-1FB5-24E0D69B785C}"/>
                </a:ext>
              </a:extLst>
            </p:cNvPr>
            <p:cNvCxnSpPr>
              <a:stCxn id="15" idx="3"/>
              <a:endCxn id="17" idx="7"/>
            </p:cNvCxnSpPr>
            <p:nvPr/>
          </p:nvCxnSpPr>
          <p:spPr>
            <a:xfrm flipH="1">
              <a:off x="7354813" y="2220339"/>
              <a:ext cx="3575872" cy="3373286"/>
            </a:xfrm>
            <a:prstGeom prst="straightConnector1">
              <a:avLst/>
            </a:prstGeom>
            <a:ln w="76200">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3" name="直線矢印コネクタ 22">
              <a:extLst>
                <a:ext uri="{FF2B5EF4-FFF2-40B4-BE49-F238E27FC236}">
                  <a16:creationId xmlns:a16="http://schemas.microsoft.com/office/drawing/2014/main" id="{90BC3191-350E-13A0-F124-0E1728C880E3}"/>
                </a:ext>
              </a:extLst>
            </p:cNvPr>
            <p:cNvCxnSpPr>
              <a:cxnSpLocks/>
              <a:stCxn id="19" idx="1"/>
              <a:endCxn id="9" idx="5"/>
            </p:cNvCxnSpPr>
            <p:nvPr/>
          </p:nvCxnSpPr>
          <p:spPr>
            <a:xfrm flipH="1" flipV="1">
              <a:off x="7356463" y="2197668"/>
              <a:ext cx="3567093" cy="3424858"/>
            </a:xfrm>
            <a:prstGeom prst="straightConnector1">
              <a:avLst/>
            </a:prstGeom>
            <a:ln w="76200">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6" name="四角形: 角を丸くする 25">
              <a:extLst>
                <a:ext uri="{FF2B5EF4-FFF2-40B4-BE49-F238E27FC236}">
                  <a16:creationId xmlns:a16="http://schemas.microsoft.com/office/drawing/2014/main" id="{EF6A0910-45ED-547D-2640-5818193B19D4}"/>
                </a:ext>
              </a:extLst>
            </p:cNvPr>
            <p:cNvSpPr/>
            <p:nvPr/>
          </p:nvSpPr>
          <p:spPr>
            <a:xfrm>
              <a:off x="8324979" y="1950631"/>
              <a:ext cx="1734761" cy="739570"/>
            </a:xfrm>
            <a:prstGeom prst="roundRect">
              <a:avLst/>
            </a:prstGeom>
            <a:effectLst>
              <a:glow rad="139700">
                <a:schemeClr val="accent2">
                  <a:satMod val="175000"/>
                  <a:alpha val="40000"/>
                </a:schemeClr>
              </a:glow>
            </a:effectLst>
          </p:spPr>
          <p:style>
            <a:lnRef idx="2">
              <a:schemeClr val="dk1">
                <a:shade val="15000"/>
              </a:schemeClr>
            </a:lnRef>
            <a:fillRef idx="1">
              <a:schemeClr val="dk1"/>
            </a:fillRef>
            <a:effectRef idx="0">
              <a:schemeClr val="dk1"/>
            </a:effectRef>
            <a:fontRef idx="minor">
              <a:schemeClr val="lt1"/>
            </a:fontRef>
          </p:style>
          <p:txBody>
            <a:bodyPr rtlCol="0" anchor="ctr"/>
            <a:lstStyle/>
            <a:p>
              <a:pPr algn="ctr"/>
              <a:r>
                <a:rPr kumimoji="1" lang="ja-JP" altLang="en-US" sz="2000" b="1" dirty="0">
                  <a:latin typeface="BIZ UDPゴシック" panose="020B0400000000000000" pitchFamily="50" charset="-128"/>
                  <a:ea typeface="BIZ UDPゴシック" panose="020B0400000000000000" pitchFamily="50" charset="-128"/>
                </a:rPr>
                <a:t>コンデンサ</a:t>
              </a:r>
              <a:endParaRPr kumimoji="1" lang="en-US" altLang="ja-JP" sz="2000" b="1" dirty="0">
                <a:latin typeface="BIZ UDPゴシック" panose="020B0400000000000000" pitchFamily="50" charset="-128"/>
                <a:ea typeface="BIZ UDPゴシック" panose="020B0400000000000000" pitchFamily="50" charset="-128"/>
              </a:endParaRPr>
            </a:p>
            <a:p>
              <a:pPr algn="ctr"/>
              <a:r>
                <a:rPr lang="ja-JP" altLang="en-US" sz="2000" b="1" dirty="0">
                  <a:latin typeface="BIZ UDPゴシック" panose="020B0400000000000000" pitchFamily="50" charset="-128"/>
                  <a:ea typeface="BIZ UDPゴシック" panose="020B0400000000000000" pitchFamily="50" charset="-128"/>
                </a:rPr>
                <a:t>（蓄電</a:t>
              </a:r>
              <a:r>
                <a:rPr lang="ja-JP" altLang="en-US" sz="1100" b="1" dirty="0">
                  <a:latin typeface="BIZ UDPゴシック" panose="020B0400000000000000" pitchFamily="50" charset="-128"/>
                  <a:ea typeface="BIZ UDPゴシック" panose="020B0400000000000000" pitchFamily="50" charset="-128"/>
                </a:rPr>
                <a:t>荷</a:t>
              </a:r>
              <a:r>
                <a:rPr lang="ja-JP" altLang="en-US" sz="2000" b="1" dirty="0">
                  <a:latin typeface="BIZ UDPゴシック" panose="020B0400000000000000" pitchFamily="50" charset="-128"/>
                  <a:ea typeface="BIZ UDPゴシック" panose="020B0400000000000000" pitchFamily="50" charset="-128"/>
                </a:rPr>
                <a:t>）</a:t>
              </a:r>
              <a:endParaRPr kumimoji="1" lang="ja-JP" altLang="en-US" sz="2000" b="1" dirty="0">
                <a:latin typeface="BIZ UDPゴシック" panose="020B0400000000000000" pitchFamily="50" charset="-128"/>
                <a:ea typeface="BIZ UDPゴシック" panose="020B0400000000000000" pitchFamily="50" charset="-128"/>
              </a:endParaRPr>
            </a:p>
          </p:txBody>
        </p:sp>
        <p:sp>
          <p:nvSpPr>
            <p:cNvPr id="27" name="四角形: 角を丸くする 26">
              <a:extLst>
                <a:ext uri="{FF2B5EF4-FFF2-40B4-BE49-F238E27FC236}">
                  <a16:creationId xmlns:a16="http://schemas.microsoft.com/office/drawing/2014/main" id="{B5C1D338-5D58-08CA-3953-159CDDB6DE36}"/>
                </a:ext>
              </a:extLst>
            </p:cNvPr>
            <p:cNvSpPr/>
            <p:nvPr/>
          </p:nvSpPr>
          <p:spPr>
            <a:xfrm>
              <a:off x="7025171" y="3402343"/>
              <a:ext cx="1083517" cy="739570"/>
            </a:xfrm>
            <a:prstGeom prst="roundRect">
              <a:avLst/>
            </a:prstGeom>
            <a:effectLst>
              <a:glow rad="139700">
                <a:schemeClr val="accent2">
                  <a:satMod val="175000"/>
                  <a:alpha val="40000"/>
                </a:schemeClr>
              </a:glow>
            </a:effectLst>
          </p:spPr>
          <p:style>
            <a:lnRef idx="2">
              <a:schemeClr val="dk1">
                <a:shade val="15000"/>
              </a:schemeClr>
            </a:lnRef>
            <a:fillRef idx="1">
              <a:schemeClr val="dk1"/>
            </a:fillRef>
            <a:effectRef idx="0">
              <a:schemeClr val="dk1"/>
            </a:effectRef>
            <a:fontRef idx="minor">
              <a:schemeClr val="lt1"/>
            </a:fontRef>
          </p:style>
          <p:txBody>
            <a:bodyPr rtlCol="0" anchor="ctr"/>
            <a:lstStyle/>
            <a:p>
              <a:pPr algn="ctr"/>
              <a:r>
                <a:rPr kumimoji="1" lang="ja-JP" altLang="en-US" sz="2000" b="1" dirty="0">
                  <a:latin typeface="BIZ UDPゴシック" panose="020B0400000000000000" pitchFamily="50" charset="-128"/>
                  <a:ea typeface="BIZ UDPゴシック" panose="020B0400000000000000" pitchFamily="50" charset="-128"/>
                </a:rPr>
                <a:t>抵抗</a:t>
              </a:r>
            </a:p>
          </p:txBody>
        </p:sp>
        <p:sp>
          <p:nvSpPr>
            <p:cNvPr id="28" name="四角形: 角を丸くする 27">
              <a:extLst>
                <a:ext uri="{FF2B5EF4-FFF2-40B4-BE49-F238E27FC236}">
                  <a16:creationId xmlns:a16="http://schemas.microsoft.com/office/drawing/2014/main" id="{E0984527-42C5-1DCE-6A7F-1AD7D134DD37}"/>
                </a:ext>
              </a:extLst>
            </p:cNvPr>
            <p:cNvSpPr/>
            <p:nvPr/>
          </p:nvSpPr>
          <p:spPr>
            <a:xfrm>
              <a:off x="8478996" y="5141629"/>
              <a:ext cx="1456245" cy="739570"/>
            </a:xfrm>
            <a:prstGeom prst="roundRect">
              <a:avLst/>
            </a:prstGeom>
            <a:effectLst>
              <a:glow rad="139700">
                <a:schemeClr val="accent2">
                  <a:satMod val="175000"/>
                  <a:alpha val="40000"/>
                </a:schemeClr>
              </a:glow>
            </a:effectLst>
          </p:spPr>
          <p:style>
            <a:lnRef idx="2">
              <a:schemeClr val="dk1">
                <a:shade val="15000"/>
              </a:schemeClr>
            </a:lnRef>
            <a:fillRef idx="1">
              <a:schemeClr val="dk1"/>
            </a:fillRef>
            <a:effectRef idx="0">
              <a:schemeClr val="dk1"/>
            </a:effectRef>
            <a:fontRef idx="minor">
              <a:schemeClr val="lt1"/>
            </a:fontRef>
          </p:style>
          <p:txBody>
            <a:bodyPr rtlCol="0" anchor="ctr"/>
            <a:lstStyle/>
            <a:p>
              <a:pPr algn="ctr"/>
              <a:r>
                <a:rPr lang="ja-JP" altLang="en-US" sz="2000" b="1" dirty="0">
                  <a:latin typeface="BIZ UDPゴシック" panose="020B0400000000000000" pitchFamily="50" charset="-128"/>
                  <a:ea typeface="BIZ UDPゴシック" panose="020B0400000000000000" pitchFamily="50" charset="-128"/>
                </a:rPr>
                <a:t>インダクタ</a:t>
              </a:r>
              <a:endParaRPr lang="en-US" altLang="ja-JP" sz="2000" b="1" dirty="0">
                <a:latin typeface="BIZ UDPゴシック" panose="020B0400000000000000" pitchFamily="50" charset="-128"/>
                <a:ea typeface="BIZ UDPゴシック" panose="020B0400000000000000" pitchFamily="50" charset="-128"/>
              </a:endParaRPr>
            </a:p>
            <a:p>
              <a:pPr algn="ctr"/>
              <a:r>
                <a:rPr kumimoji="1" lang="ja-JP" altLang="en-US" sz="2000" b="1" dirty="0">
                  <a:latin typeface="BIZ UDPゴシック" panose="020B0400000000000000" pitchFamily="50" charset="-128"/>
                  <a:ea typeface="BIZ UDPゴシック" panose="020B0400000000000000" pitchFamily="50" charset="-128"/>
                </a:rPr>
                <a:t>（コイル）</a:t>
              </a:r>
            </a:p>
          </p:txBody>
        </p:sp>
        <p:sp>
          <p:nvSpPr>
            <p:cNvPr id="29" name="四角形: 角を丸くする 28">
              <a:extLst>
                <a:ext uri="{FF2B5EF4-FFF2-40B4-BE49-F238E27FC236}">
                  <a16:creationId xmlns:a16="http://schemas.microsoft.com/office/drawing/2014/main" id="{EB9FFFAC-8F1E-A6BC-5158-D698F1568A1C}"/>
                </a:ext>
              </a:extLst>
            </p:cNvPr>
            <p:cNvSpPr/>
            <p:nvPr/>
          </p:nvSpPr>
          <p:spPr>
            <a:xfrm>
              <a:off x="10059740" y="3492619"/>
              <a:ext cx="1083517" cy="739570"/>
            </a:xfrm>
            <a:custGeom>
              <a:avLst/>
              <a:gdLst>
                <a:gd name="connsiteX0" fmla="*/ 0 w 1083517"/>
                <a:gd name="connsiteY0" fmla="*/ 123264 h 739570"/>
                <a:gd name="connsiteX1" fmla="*/ 123264 w 1083517"/>
                <a:gd name="connsiteY1" fmla="*/ 0 h 739570"/>
                <a:gd name="connsiteX2" fmla="*/ 550128 w 1083517"/>
                <a:gd name="connsiteY2" fmla="*/ 0 h 739570"/>
                <a:gd name="connsiteX3" fmla="*/ 960253 w 1083517"/>
                <a:gd name="connsiteY3" fmla="*/ 0 h 739570"/>
                <a:gd name="connsiteX4" fmla="*/ 1083517 w 1083517"/>
                <a:gd name="connsiteY4" fmla="*/ 123264 h 739570"/>
                <a:gd name="connsiteX5" fmla="*/ 1083517 w 1083517"/>
                <a:gd name="connsiteY5" fmla="*/ 616306 h 739570"/>
                <a:gd name="connsiteX6" fmla="*/ 960253 w 1083517"/>
                <a:gd name="connsiteY6" fmla="*/ 739570 h 739570"/>
                <a:gd name="connsiteX7" fmla="*/ 558498 w 1083517"/>
                <a:gd name="connsiteY7" fmla="*/ 739570 h 739570"/>
                <a:gd name="connsiteX8" fmla="*/ 123264 w 1083517"/>
                <a:gd name="connsiteY8" fmla="*/ 739570 h 739570"/>
                <a:gd name="connsiteX9" fmla="*/ 0 w 1083517"/>
                <a:gd name="connsiteY9" fmla="*/ 616306 h 739570"/>
                <a:gd name="connsiteX10" fmla="*/ 0 w 1083517"/>
                <a:gd name="connsiteY10" fmla="*/ 123264 h 7395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083517" h="739570" extrusionOk="0">
                  <a:moveTo>
                    <a:pt x="0" y="123264"/>
                  </a:moveTo>
                  <a:cubicBezTo>
                    <a:pt x="4981" y="64586"/>
                    <a:pt x="70314" y="870"/>
                    <a:pt x="123264" y="0"/>
                  </a:cubicBezTo>
                  <a:cubicBezTo>
                    <a:pt x="229091" y="-4093"/>
                    <a:pt x="380499" y="3886"/>
                    <a:pt x="550128" y="0"/>
                  </a:cubicBezTo>
                  <a:cubicBezTo>
                    <a:pt x="719757" y="-3886"/>
                    <a:pt x="778161" y="15238"/>
                    <a:pt x="960253" y="0"/>
                  </a:cubicBezTo>
                  <a:cubicBezTo>
                    <a:pt x="1042550" y="7170"/>
                    <a:pt x="1080984" y="53827"/>
                    <a:pt x="1083517" y="123264"/>
                  </a:cubicBezTo>
                  <a:cubicBezTo>
                    <a:pt x="1103726" y="223806"/>
                    <a:pt x="1082951" y="510089"/>
                    <a:pt x="1083517" y="616306"/>
                  </a:cubicBezTo>
                  <a:cubicBezTo>
                    <a:pt x="1063329" y="684511"/>
                    <a:pt x="1021051" y="729568"/>
                    <a:pt x="960253" y="739570"/>
                  </a:cubicBezTo>
                  <a:cubicBezTo>
                    <a:pt x="813026" y="767797"/>
                    <a:pt x="700275" y="705966"/>
                    <a:pt x="558498" y="739570"/>
                  </a:cubicBezTo>
                  <a:cubicBezTo>
                    <a:pt x="416721" y="773174"/>
                    <a:pt x="219992" y="710904"/>
                    <a:pt x="123264" y="739570"/>
                  </a:cubicBezTo>
                  <a:cubicBezTo>
                    <a:pt x="61045" y="737541"/>
                    <a:pt x="-13066" y="680879"/>
                    <a:pt x="0" y="616306"/>
                  </a:cubicBezTo>
                  <a:cubicBezTo>
                    <a:pt x="-11481" y="481608"/>
                    <a:pt x="17475" y="348386"/>
                    <a:pt x="0" y="123264"/>
                  </a:cubicBezTo>
                  <a:close/>
                </a:path>
              </a:pathLst>
            </a:custGeom>
            <a:noFill/>
            <a:ln w="57150">
              <a:solidFill>
                <a:srgbClr val="FF0000"/>
              </a:solidFill>
              <a:prstDash val="dash"/>
              <a:extLst>
                <a:ext uri="{C807C97D-BFC1-408E-A445-0C87EB9F89A2}">
                  <ask:lineSketchStyleProps xmlns:ask="http://schemas.microsoft.com/office/drawing/2018/sketchyshapes" sd="2300883730">
                    <a:prstGeom prst="roundRect">
                      <a:avLst/>
                    </a:prstGeom>
                    <ask:type>
                      <ask:lineSketchScribble/>
                    </ask:type>
                  </ask:lineSketchStyleProps>
                </a:ext>
              </a:extLst>
            </a:ln>
            <a:effectLst>
              <a:glow rad="139700">
                <a:schemeClr val="accent2">
                  <a:satMod val="175000"/>
                  <a:alpha val="40000"/>
                </a:schemeClr>
              </a:glow>
            </a:effectLst>
          </p:spPr>
          <p:style>
            <a:lnRef idx="2">
              <a:schemeClr val="dk1">
                <a:shade val="15000"/>
              </a:schemeClr>
            </a:lnRef>
            <a:fillRef idx="1">
              <a:schemeClr val="dk1"/>
            </a:fillRef>
            <a:effectRef idx="0">
              <a:schemeClr val="dk1"/>
            </a:effectRef>
            <a:fontRef idx="minor">
              <a:schemeClr val="lt1"/>
            </a:fontRef>
          </p:style>
          <p:txBody>
            <a:bodyPr rtlCol="0" anchor="ctr"/>
            <a:lstStyle/>
            <a:p>
              <a:pPr algn="ctr"/>
              <a:r>
                <a:rPr kumimoji="1" lang="ja-JP" altLang="en-US" sz="2000" b="1" dirty="0">
                  <a:solidFill>
                    <a:schemeClr val="tx1"/>
                  </a:solidFill>
                  <a:latin typeface="BIZ UDPゴシック" panose="020B0400000000000000" pitchFamily="50" charset="-128"/>
                  <a:ea typeface="BIZ UDPゴシック" panose="020B0400000000000000" pitchFamily="50" charset="-128"/>
                </a:rPr>
                <a:t>？</a:t>
              </a:r>
            </a:p>
          </p:txBody>
        </p:sp>
        <p:pic>
          <p:nvPicPr>
            <p:cNvPr id="33" name="図 32">
              <a:extLst>
                <a:ext uri="{FF2B5EF4-FFF2-40B4-BE49-F238E27FC236}">
                  <a16:creationId xmlns:a16="http://schemas.microsoft.com/office/drawing/2014/main" id="{3F187BAA-AAFF-007C-EADB-EC8923E739C4}"/>
                </a:ext>
              </a:extLst>
            </p:cNvPr>
            <p:cNvPicPr>
              <a:picLocks noChangeAspect="1"/>
            </p:cNvPicPr>
            <p:nvPr/>
          </p:nvPicPr>
          <p:blipFill>
            <a:blip r:embed="rId5"/>
            <a:stretch>
              <a:fillRect/>
            </a:stretch>
          </p:blipFill>
          <p:spPr>
            <a:xfrm>
              <a:off x="8842846" y="694732"/>
              <a:ext cx="606977" cy="961244"/>
            </a:xfrm>
            <a:prstGeom prst="rect">
              <a:avLst/>
            </a:prstGeom>
          </p:spPr>
        </p:pic>
      </p:grpSp>
    </p:spTree>
    <p:extLst>
      <p:ext uri="{BB962C8B-B14F-4D97-AF65-F5344CB8AC3E}">
        <p14:creationId xmlns:p14="http://schemas.microsoft.com/office/powerpoint/2010/main" val="2106819999"/>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latin typeface="BIZ UDPゴシック" panose="020B0400000000000000" pitchFamily="50" charset="-128"/>
                <a:ea typeface="BIZ UDPゴシック" panose="020B0400000000000000" pitchFamily="50" charset="-128"/>
              </a:rPr>
              <a:t>最初の論文</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3" name="図 2">
            <a:extLst>
              <a:ext uri="{FF2B5EF4-FFF2-40B4-BE49-F238E27FC236}">
                <a16:creationId xmlns:a16="http://schemas.microsoft.com/office/drawing/2014/main" id="{599106DD-4D66-CE07-3D93-AE695D641E86}"/>
              </a:ext>
            </a:extLst>
          </p:cNvPr>
          <p:cNvPicPr>
            <a:picLocks noChangeAspect="1"/>
          </p:cNvPicPr>
          <p:nvPr/>
        </p:nvPicPr>
        <p:blipFill>
          <a:blip r:embed="rId2"/>
          <a:stretch>
            <a:fillRect/>
          </a:stretch>
        </p:blipFill>
        <p:spPr>
          <a:xfrm>
            <a:off x="1273379" y="496716"/>
            <a:ext cx="9645242" cy="6361284"/>
          </a:xfrm>
          <a:prstGeom prst="rect">
            <a:avLst/>
          </a:prstGeom>
        </p:spPr>
      </p:pic>
      <p:pic>
        <p:nvPicPr>
          <p:cNvPr id="6" name="図 5">
            <a:extLst>
              <a:ext uri="{FF2B5EF4-FFF2-40B4-BE49-F238E27FC236}">
                <a16:creationId xmlns:a16="http://schemas.microsoft.com/office/drawing/2014/main" id="{7E282A5D-D166-D58F-98BB-088F53E2E2B5}"/>
              </a:ext>
            </a:extLst>
          </p:cNvPr>
          <p:cNvPicPr>
            <a:picLocks noChangeAspect="1"/>
          </p:cNvPicPr>
          <p:nvPr/>
        </p:nvPicPr>
        <p:blipFill>
          <a:blip r:embed="rId3"/>
          <a:stretch>
            <a:fillRect/>
          </a:stretch>
        </p:blipFill>
        <p:spPr>
          <a:xfrm>
            <a:off x="10821581" y="5481888"/>
            <a:ext cx="1370419" cy="1370419"/>
          </a:xfrm>
          <a:prstGeom prst="rect">
            <a:avLst/>
          </a:prstGeom>
        </p:spPr>
      </p:pic>
    </p:spTree>
    <p:extLst>
      <p:ext uri="{BB962C8B-B14F-4D97-AF65-F5344CB8AC3E}">
        <p14:creationId xmlns:p14="http://schemas.microsoft.com/office/powerpoint/2010/main" val="2744694472"/>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メモリスタとは？</a:t>
            </a:r>
          </a:p>
        </p:txBody>
      </p:sp>
      <p:pic>
        <p:nvPicPr>
          <p:cNvPr id="3" name="図 2">
            <a:extLst>
              <a:ext uri="{FF2B5EF4-FFF2-40B4-BE49-F238E27FC236}">
                <a16:creationId xmlns:a16="http://schemas.microsoft.com/office/drawing/2014/main" id="{650569B5-517B-2C93-2F99-30E61CE9C450}"/>
              </a:ext>
            </a:extLst>
          </p:cNvPr>
          <p:cNvPicPr>
            <a:picLocks noChangeAspect="1"/>
          </p:cNvPicPr>
          <p:nvPr/>
        </p:nvPicPr>
        <p:blipFill>
          <a:blip r:embed="rId2"/>
          <a:stretch>
            <a:fillRect/>
          </a:stretch>
        </p:blipFill>
        <p:spPr>
          <a:xfrm>
            <a:off x="287167" y="564343"/>
            <a:ext cx="11320423" cy="6076218"/>
          </a:xfrm>
          <a:prstGeom prst="rect">
            <a:avLst/>
          </a:prstGeom>
        </p:spPr>
      </p:pic>
    </p:spTree>
    <p:extLst>
      <p:ext uri="{BB962C8B-B14F-4D97-AF65-F5344CB8AC3E}">
        <p14:creationId xmlns:p14="http://schemas.microsoft.com/office/powerpoint/2010/main" val="3608624730"/>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メモリスタとは？</a:t>
            </a:r>
          </a:p>
        </p:txBody>
      </p:sp>
      <p:pic>
        <p:nvPicPr>
          <p:cNvPr id="4" name="図 3">
            <a:extLst>
              <a:ext uri="{FF2B5EF4-FFF2-40B4-BE49-F238E27FC236}">
                <a16:creationId xmlns:a16="http://schemas.microsoft.com/office/drawing/2014/main" id="{5753048B-E6AD-12AA-0565-32BEA8A6F21B}"/>
              </a:ext>
            </a:extLst>
          </p:cNvPr>
          <p:cNvPicPr>
            <a:picLocks noChangeAspect="1"/>
          </p:cNvPicPr>
          <p:nvPr/>
        </p:nvPicPr>
        <p:blipFill>
          <a:blip r:embed="rId2"/>
          <a:stretch>
            <a:fillRect/>
          </a:stretch>
        </p:blipFill>
        <p:spPr>
          <a:xfrm>
            <a:off x="362737" y="567406"/>
            <a:ext cx="11466526" cy="6174283"/>
          </a:xfrm>
          <a:prstGeom prst="rect">
            <a:avLst/>
          </a:prstGeom>
        </p:spPr>
      </p:pic>
    </p:spTree>
    <p:extLst>
      <p:ext uri="{BB962C8B-B14F-4D97-AF65-F5344CB8AC3E}">
        <p14:creationId xmlns:p14="http://schemas.microsoft.com/office/powerpoint/2010/main" val="394909327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メモリスタとは？</a:t>
            </a:r>
          </a:p>
        </p:txBody>
      </p:sp>
      <p:pic>
        <p:nvPicPr>
          <p:cNvPr id="3" name="図 2">
            <a:extLst>
              <a:ext uri="{FF2B5EF4-FFF2-40B4-BE49-F238E27FC236}">
                <a16:creationId xmlns:a16="http://schemas.microsoft.com/office/drawing/2014/main" id="{2A0FCC7F-A44D-B077-AC7F-49346EEBF61A}"/>
              </a:ext>
            </a:extLst>
          </p:cNvPr>
          <p:cNvPicPr>
            <a:picLocks noChangeAspect="1"/>
          </p:cNvPicPr>
          <p:nvPr/>
        </p:nvPicPr>
        <p:blipFill>
          <a:blip r:embed="rId2"/>
          <a:stretch>
            <a:fillRect/>
          </a:stretch>
        </p:blipFill>
        <p:spPr>
          <a:xfrm>
            <a:off x="530250" y="908647"/>
            <a:ext cx="11131498" cy="5949353"/>
          </a:xfrm>
          <a:prstGeom prst="rect">
            <a:avLst/>
          </a:prstGeom>
        </p:spPr>
      </p:pic>
      <p:sp>
        <p:nvSpPr>
          <p:cNvPr id="6" name="テキスト ボックス 5">
            <a:extLst>
              <a:ext uri="{FF2B5EF4-FFF2-40B4-BE49-F238E27FC236}">
                <a16:creationId xmlns:a16="http://schemas.microsoft.com/office/drawing/2014/main" id="{BA0DAC3F-5073-784D-EDE5-4C6E7E5AD158}"/>
              </a:ext>
            </a:extLst>
          </p:cNvPr>
          <p:cNvSpPr txBox="1"/>
          <p:nvPr/>
        </p:nvSpPr>
        <p:spPr>
          <a:xfrm>
            <a:off x="181683" y="473551"/>
            <a:ext cx="11828633" cy="923330"/>
          </a:xfrm>
          <a:prstGeom prst="rect">
            <a:avLst/>
          </a:prstGeom>
          <a:noFill/>
        </p:spPr>
        <p:txBody>
          <a:bodyPr wrap="square">
            <a:spAutoFit/>
          </a:bodyPr>
          <a:lstStyle/>
          <a:p>
            <a:r>
              <a:rPr lang="ja-JP" altLang="en-US" b="1" i="0" dirty="0">
                <a:solidFill>
                  <a:srgbClr val="C00000"/>
                </a:solidFill>
                <a:effectLst/>
                <a:latin typeface="BIZ UDPゴシック" panose="020B0400000000000000" pitchFamily="50" charset="-128"/>
                <a:ea typeface="BIZ UDPゴシック" panose="020B0400000000000000" pitchFamily="50" charset="-128"/>
              </a:rPr>
              <a:t>、扱うべきデータ量は毎年</a:t>
            </a:r>
            <a:r>
              <a:rPr lang="en-US" altLang="ja-JP" b="1" i="0" dirty="0">
                <a:solidFill>
                  <a:srgbClr val="C00000"/>
                </a:solidFill>
                <a:effectLst/>
                <a:latin typeface="BIZ UDPゴシック" panose="020B0400000000000000" pitchFamily="50" charset="-128"/>
                <a:ea typeface="BIZ UDPゴシック" panose="020B0400000000000000" pitchFamily="50" charset="-128"/>
              </a:rPr>
              <a:t>100</a:t>
            </a:r>
            <a:r>
              <a:rPr lang="ja-JP" altLang="en-US" b="1" i="0" dirty="0">
                <a:solidFill>
                  <a:srgbClr val="C00000"/>
                </a:solidFill>
                <a:effectLst/>
                <a:latin typeface="BIZ UDPゴシック" panose="020B0400000000000000" pitchFamily="50" charset="-128"/>
                <a:ea typeface="BIZ UDPゴシック" panose="020B0400000000000000" pitchFamily="50" charset="-128"/>
              </a:rPr>
              <a:t>倍、アルゴリズムの複雑さも毎年</a:t>
            </a:r>
            <a:r>
              <a:rPr lang="en-US" altLang="ja-JP" b="1" i="0" dirty="0">
                <a:solidFill>
                  <a:srgbClr val="C00000"/>
                </a:solidFill>
                <a:effectLst/>
                <a:latin typeface="BIZ UDPゴシック" panose="020B0400000000000000" pitchFamily="50" charset="-128"/>
                <a:ea typeface="BIZ UDPゴシック" panose="020B0400000000000000" pitchFamily="50" charset="-128"/>
              </a:rPr>
              <a:t>10</a:t>
            </a:r>
            <a:r>
              <a:rPr lang="ja-JP" altLang="en-US" b="1" i="0" dirty="0">
                <a:solidFill>
                  <a:srgbClr val="C00000"/>
                </a:solidFill>
                <a:effectLst/>
                <a:latin typeface="BIZ UDPゴシック" panose="020B0400000000000000" pitchFamily="50" charset="-128"/>
                <a:ea typeface="BIZ UDPゴシック" panose="020B0400000000000000" pitchFamily="50" charset="-128"/>
              </a:rPr>
              <a:t>倍の割合で増加しているのに、</a:t>
            </a:r>
            <a:r>
              <a:rPr lang="en-US" altLang="ja-JP" b="1" i="0" dirty="0">
                <a:solidFill>
                  <a:srgbClr val="C00000"/>
                </a:solidFill>
                <a:effectLst/>
                <a:latin typeface="BIZ UDPゴシック" panose="020B0400000000000000" pitchFamily="50" charset="-128"/>
                <a:ea typeface="BIZ UDPゴシック" panose="020B0400000000000000" pitchFamily="50" charset="-128"/>
              </a:rPr>
              <a:t>AI</a:t>
            </a:r>
            <a:r>
              <a:rPr lang="ja-JP" altLang="en-US" b="1" i="0" dirty="0">
                <a:solidFill>
                  <a:srgbClr val="C00000"/>
                </a:solidFill>
                <a:effectLst/>
                <a:latin typeface="BIZ UDPゴシック" panose="020B0400000000000000" pitchFamily="50" charset="-128"/>
                <a:ea typeface="BIZ UDPゴシック" panose="020B0400000000000000" pitchFamily="50" charset="-128"/>
              </a:rPr>
              <a:t>のハードウェアは年間</a:t>
            </a:r>
            <a:r>
              <a:rPr lang="en-US" altLang="ja-JP" b="1" i="0" dirty="0">
                <a:solidFill>
                  <a:srgbClr val="C00000"/>
                </a:solidFill>
                <a:effectLst/>
                <a:latin typeface="BIZ UDPゴシック" panose="020B0400000000000000" pitchFamily="50" charset="-128"/>
                <a:ea typeface="BIZ UDPゴシック" panose="020B0400000000000000" pitchFamily="50" charset="-128"/>
              </a:rPr>
              <a:t>2</a:t>
            </a:r>
            <a:r>
              <a:rPr lang="ja-JP" altLang="en-US" b="1" i="0" dirty="0">
                <a:solidFill>
                  <a:srgbClr val="C00000"/>
                </a:solidFill>
                <a:effectLst/>
                <a:latin typeface="BIZ UDPゴシック" panose="020B0400000000000000" pitchFamily="50" charset="-128"/>
                <a:ea typeface="BIZ UDPゴシック" panose="020B0400000000000000" pitchFamily="50" charset="-128"/>
              </a:rPr>
              <a:t>倍程度でしか強化されない</a:t>
            </a:r>
            <a:r>
              <a:rPr lang="en-US" altLang="ja-JP" b="1" i="0" dirty="0">
                <a:solidFill>
                  <a:srgbClr val="C00000"/>
                </a:solidFill>
                <a:effectLst/>
                <a:latin typeface="BIZ UDPゴシック" panose="020B0400000000000000" pitchFamily="50" charset="-128"/>
                <a:ea typeface="BIZ UDPゴシック" panose="020B0400000000000000" pitchFamily="50" charset="-128"/>
              </a:rPr>
              <a:t>(</a:t>
            </a:r>
            <a:r>
              <a:rPr lang="ja-JP" altLang="en-US" b="1" i="0" dirty="0">
                <a:solidFill>
                  <a:srgbClr val="C00000"/>
                </a:solidFill>
                <a:effectLst/>
                <a:latin typeface="BIZ UDPゴシック" panose="020B0400000000000000" pitchFamily="50" charset="-128"/>
                <a:ea typeface="BIZ UDPゴシック" panose="020B0400000000000000" pitchFamily="50" charset="-128"/>
              </a:rPr>
              <a:t>ムーアの法則では</a:t>
            </a:r>
            <a:r>
              <a:rPr lang="en-US" altLang="ja-JP" b="1" i="0" dirty="0">
                <a:solidFill>
                  <a:srgbClr val="C00000"/>
                </a:solidFill>
                <a:effectLst/>
                <a:latin typeface="BIZ UDPゴシック" panose="020B0400000000000000" pitchFamily="50" charset="-128"/>
                <a:ea typeface="BIZ UDPゴシック" panose="020B0400000000000000" pitchFamily="50" charset="-128"/>
              </a:rPr>
              <a:t>18</a:t>
            </a:r>
            <a:r>
              <a:rPr lang="ja-JP" altLang="en-US" b="1" i="0" dirty="0">
                <a:solidFill>
                  <a:srgbClr val="C00000"/>
                </a:solidFill>
                <a:effectLst/>
                <a:latin typeface="BIZ UDPゴシック" panose="020B0400000000000000" pitchFamily="50" charset="-128"/>
                <a:ea typeface="BIZ UDPゴシック" panose="020B0400000000000000" pitchFamily="50" charset="-128"/>
              </a:rPr>
              <a:t>ヵ月で</a:t>
            </a:r>
            <a:r>
              <a:rPr lang="en-US" altLang="ja-JP" b="1" i="0" dirty="0">
                <a:solidFill>
                  <a:srgbClr val="C00000"/>
                </a:solidFill>
                <a:effectLst/>
                <a:latin typeface="BIZ UDPゴシック" panose="020B0400000000000000" pitchFamily="50" charset="-128"/>
                <a:ea typeface="BIZ UDPゴシック" panose="020B0400000000000000" pitchFamily="50" charset="-128"/>
              </a:rPr>
              <a:t>2</a:t>
            </a:r>
            <a:r>
              <a:rPr lang="ja-JP" altLang="en-US" b="1" i="0" dirty="0">
                <a:solidFill>
                  <a:srgbClr val="C00000"/>
                </a:solidFill>
                <a:effectLst/>
                <a:latin typeface="BIZ UDPゴシック" panose="020B0400000000000000" pitchFamily="50" charset="-128"/>
                <a:ea typeface="BIZ UDPゴシック" panose="020B0400000000000000" pitchFamily="50" charset="-128"/>
              </a:rPr>
              <a:t>倍程度とさらに低い</a:t>
            </a:r>
            <a:r>
              <a:rPr lang="en-US" altLang="ja-JP" b="1" i="0" dirty="0">
                <a:solidFill>
                  <a:srgbClr val="C00000"/>
                </a:solidFill>
                <a:effectLst/>
                <a:latin typeface="BIZ UDPゴシック" panose="020B0400000000000000" pitchFamily="50" charset="-128"/>
                <a:ea typeface="BIZ UDPゴシック" panose="020B0400000000000000" pitchFamily="50" charset="-128"/>
              </a:rPr>
              <a:t>)</a:t>
            </a:r>
            <a:r>
              <a:rPr lang="ja-JP" altLang="en-US" b="1" i="0" dirty="0">
                <a:solidFill>
                  <a:srgbClr val="C00000"/>
                </a:solidFill>
                <a:effectLst/>
                <a:latin typeface="BIZ UDPゴシック" panose="020B0400000000000000" pitchFamily="50" charset="-128"/>
                <a:ea typeface="BIZ UDPゴシック" panose="020B0400000000000000" pitchFamily="50" charset="-128"/>
              </a:rPr>
              <a:t>ことで大きなギャップがあるとしている。</a:t>
            </a:r>
            <a:endParaRPr lang="ja-JP" altLang="en-US" b="1" dirty="0">
              <a:solidFill>
                <a:srgbClr val="C00000"/>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970579591"/>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4" name="図 3">
            <a:extLst>
              <a:ext uri="{FF2B5EF4-FFF2-40B4-BE49-F238E27FC236}">
                <a16:creationId xmlns:a16="http://schemas.microsoft.com/office/drawing/2014/main" id="{0CEC6C1D-3D7D-E9D7-0909-EDD42672A7F2}"/>
              </a:ext>
            </a:extLst>
          </p:cNvPr>
          <p:cNvPicPr>
            <a:picLocks noChangeAspect="1"/>
          </p:cNvPicPr>
          <p:nvPr/>
        </p:nvPicPr>
        <p:blipFill>
          <a:blip r:embed="rId2"/>
          <a:stretch>
            <a:fillRect/>
          </a:stretch>
        </p:blipFill>
        <p:spPr>
          <a:xfrm>
            <a:off x="6507314" y="1148805"/>
            <a:ext cx="4149991" cy="2773336"/>
          </a:xfrm>
          <a:prstGeom prst="rect">
            <a:avLst/>
          </a:prstGeom>
        </p:spPr>
      </p:pic>
      <p:cxnSp>
        <p:nvCxnSpPr>
          <p:cNvPr id="7" name="直線コネクタ 6">
            <a:extLst>
              <a:ext uri="{FF2B5EF4-FFF2-40B4-BE49-F238E27FC236}">
                <a16:creationId xmlns:a16="http://schemas.microsoft.com/office/drawing/2014/main" id="{3331E3CB-579A-559C-7DEB-965A820CB3A0}"/>
              </a:ext>
            </a:extLst>
          </p:cNvPr>
          <p:cNvCxnSpPr>
            <a:cxnSpLocks/>
          </p:cNvCxnSpPr>
          <p:nvPr/>
        </p:nvCxnSpPr>
        <p:spPr>
          <a:xfrm>
            <a:off x="471151" y="6198722"/>
            <a:ext cx="11234680" cy="0"/>
          </a:xfrm>
          <a:prstGeom prst="line">
            <a:avLst/>
          </a:prstGeom>
          <a:ln w="76200">
            <a:solidFill>
              <a:srgbClr val="002060"/>
            </a:solidFill>
          </a:ln>
        </p:spPr>
        <p:style>
          <a:lnRef idx="1">
            <a:schemeClr val="accent1"/>
          </a:lnRef>
          <a:fillRef idx="0">
            <a:schemeClr val="accent1"/>
          </a:fillRef>
          <a:effectRef idx="0">
            <a:schemeClr val="accent1"/>
          </a:effectRef>
          <a:fontRef idx="minor">
            <a:schemeClr val="tx1"/>
          </a:fontRef>
        </p:style>
      </p:cxnSp>
      <p:cxnSp>
        <p:nvCxnSpPr>
          <p:cNvPr id="9" name="直線コネクタ 8">
            <a:extLst>
              <a:ext uri="{FF2B5EF4-FFF2-40B4-BE49-F238E27FC236}">
                <a16:creationId xmlns:a16="http://schemas.microsoft.com/office/drawing/2014/main" id="{FE4C085A-BBDC-CCE4-9E56-735003484E71}"/>
              </a:ext>
            </a:extLst>
          </p:cNvPr>
          <p:cNvCxnSpPr>
            <a:cxnSpLocks/>
          </p:cNvCxnSpPr>
          <p:nvPr/>
        </p:nvCxnSpPr>
        <p:spPr>
          <a:xfrm flipV="1">
            <a:off x="508936" y="1084434"/>
            <a:ext cx="57939" cy="5121845"/>
          </a:xfrm>
          <a:prstGeom prst="line">
            <a:avLst/>
          </a:prstGeom>
          <a:ln w="76200">
            <a:solidFill>
              <a:srgbClr val="002060"/>
            </a:solidFill>
          </a:ln>
        </p:spPr>
        <p:style>
          <a:lnRef idx="1">
            <a:schemeClr val="accent1"/>
          </a:lnRef>
          <a:fillRef idx="0">
            <a:schemeClr val="accent1"/>
          </a:fillRef>
          <a:effectRef idx="0">
            <a:schemeClr val="accent1"/>
          </a:effectRef>
          <a:fontRef idx="minor">
            <a:schemeClr val="tx1"/>
          </a:fontRef>
        </p:style>
      </p:cxnSp>
      <p:cxnSp>
        <p:nvCxnSpPr>
          <p:cNvPr id="17" name="直線コネクタ 16">
            <a:extLst>
              <a:ext uri="{FF2B5EF4-FFF2-40B4-BE49-F238E27FC236}">
                <a16:creationId xmlns:a16="http://schemas.microsoft.com/office/drawing/2014/main" id="{F50ACB18-D398-92DF-A34B-02A7D7E67AA7}"/>
              </a:ext>
            </a:extLst>
          </p:cNvPr>
          <p:cNvCxnSpPr/>
          <p:nvPr/>
        </p:nvCxnSpPr>
        <p:spPr>
          <a:xfrm flipV="1">
            <a:off x="556749" y="5939821"/>
            <a:ext cx="11149082" cy="143584"/>
          </a:xfrm>
          <a:prstGeom prst="line">
            <a:avLst/>
          </a:prstGeom>
          <a:ln w="1905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19" name="直線コネクタ 18">
            <a:extLst>
              <a:ext uri="{FF2B5EF4-FFF2-40B4-BE49-F238E27FC236}">
                <a16:creationId xmlns:a16="http://schemas.microsoft.com/office/drawing/2014/main" id="{F230A061-CC53-F1D6-AC02-5C9305CFC6C8}"/>
              </a:ext>
            </a:extLst>
          </p:cNvPr>
          <p:cNvCxnSpPr/>
          <p:nvPr/>
        </p:nvCxnSpPr>
        <p:spPr>
          <a:xfrm flipV="1">
            <a:off x="5856694" y="5305031"/>
            <a:ext cx="151141" cy="886135"/>
          </a:xfrm>
          <a:prstGeom prst="line">
            <a:avLst/>
          </a:prstGeom>
          <a:ln w="38100">
            <a:solidFill>
              <a:schemeClr val="accent2">
                <a:lumMod val="50000"/>
              </a:schemeClr>
            </a:solidFill>
          </a:ln>
        </p:spPr>
        <p:style>
          <a:lnRef idx="1">
            <a:schemeClr val="accent1"/>
          </a:lnRef>
          <a:fillRef idx="0">
            <a:schemeClr val="accent1"/>
          </a:fillRef>
          <a:effectRef idx="0">
            <a:schemeClr val="accent1"/>
          </a:effectRef>
          <a:fontRef idx="minor">
            <a:schemeClr val="tx1"/>
          </a:fontRef>
        </p:style>
      </p:cxnSp>
      <p:cxnSp>
        <p:nvCxnSpPr>
          <p:cNvPr id="21" name="直線コネクタ 20">
            <a:extLst>
              <a:ext uri="{FF2B5EF4-FFF2-40B4-BE49-F238E27FC236}">
                <a16:creationId xmlns:a16="http://schemas.microsoft.com/office/drawing/2014/main" id="{97B0001E-9DA1-7C68-49E2-5369D58583A8}"/>
              </a:ext>
            </a:extLst>
          </p:cNvPr>
          <p:cNvCxnSpPr>
            <a:cxnSpLocks/>
          </p:cNvCxnSpPr>
          <p:nvPr/>
        </p:nvCxnSpPr>
        <p:spPr>
          <a:xfrm flipV="1">
            <a:off x="6004105" y="4700469"/>
            <a:ext cx="5678959" cy="604562"/>
          </a:xfrm>
          <a:prstGeom prst="line">
            <a:avLst/>
          </a:prstGeom>
          <a:ln w="38100">
            <a:solidFill>
              <a:schemeClr val="accent2">
                <a:lumMod val="50000"/>
              </a:schemeClr>
            </a:solidFill>
          </a:ln>
        </p:spPr>
        <p:style>
          <a:lnRef idx="1">
            <a:schemeClr val="accent1"/>
          </a:lnRef>
          <a:fillRef idx="0">
            <a:schemeClr val="accent1"/>
          </a:fillRef>
          <a:effectRef idx="0">
            <a:schemeClr val="accent1"/>
          </a:effectRef>
          <a:fontRef idx="minor">
            <a:schemeClr val="tx1"/>
          </a:fontRef>
        </p:style>
      </p:cxnSp>
      <p:cxnSp>
        <p:nvCxnSpPr>
          <p:cNvPr id="24" name="直線コネクタ 23">
            <a:extLst>
              <a:ext uri="{FF2B5EF4-FFF2-40B4-BE49-F238E27FC236}">
                <a16:creationId xmlns:a16="http://schemas.microsoft.com/office/drawing/2014/main" id="{ADE34D11-C9C3-2900-4479-744E18E62B02}"/>
              </a:ext>
            </a:extLst>
          </p:cNvPr>
          <p:cNvCxnSpPr>
            <a:cxnSpLocks/>
          </p:cNvCxnSpPr>
          <p:nvPr/>
        </p:nvCxnSpPr>
        <p:spPr>
          <a:xfrm flipV="1">
            <a:off x="602286" y="539600"/>
            <a:ext cx="11321539" cy="4830902"/>
          </a:xfrm>
          <a:prstGeom prst="line">
            <a:avLst/>
          </a:prstGeom>
          <a:ln w="76200">
            <a:solidFill>
              <a:srgbClr val="92D050"/>
            </a:solidFill>
          </a:ln>
        </p:spPr>
        <p:style>
          <a:lnRef idx="1">
            <a:schemeClr val="accent1"/>
          </a:lnRef>
          <a:fillRef idx="0">
            <a:schemeClr val="accent1"/>
          </a:fillRef>
          <a:effectRef idx="0">
            <a:schemeClr val="accent1"/>
          </a:effectRef>
          <a:fontRef idx="minor">
            <a:schemeClr val="tx1"/>
          </a:fontRef>
        </p:style>
      </p:cxnSp>
      <p:cxnSp>
        <p:nvCxnSpPr>
          <p:cNvPr id="26" name="直線コネクタ 25">
            <a:extLst>
              <a:ext uri="{FF2B5EF4-FFF2-40B4-BE49-F238E27FC236}">
                <a16:creationId xmlns:a16="http://schemas.microsoft.com/office/drawing/2014/main" id="{67449894-AC9C-1091-2AD3-E61975E3803C}"/>
              </a:ext>
            </a:extLst>
          </p:cNvPr>
          <p:cNvCxnSpPr>
            <a:cxnSpLocks/>
          </p:cNvCxnSpPr>
          <p:nvPr/>
        </p:nvCxnSpPr>
        <p:spPr>
          <a:xfrm flipV="1">
            <a:off x="599646" y="527030"/>
            <a:ext cx="5412016" cy="4332137"/>
          </a:xfrm>
          <a:prstGeom prst="line">
            <a:avLst/>
          </a:prstGeom>
          <a:ln w="762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9" name="直線矢印コネクタ 28">
            <a:extLst>
              <a:ext uri="{FF2B5EF4-FFF2-40B4-BE49-F238E27FC236}">
                <a16:creationId xmlns:a16="http://schemas.microsoft.com/office/drawing/2014/main" id="{C6887558-4E9D-0B58-F8E1-800E46CD07AB}"/>
              </a:ext>
            </a:extLst>
          </p:cNvPr>
          <p:cNvCxnSpPr>
            <a:cxnSpLocks/>
          </p:cNvCxnSpPr>
          <p:nvPr/>
        </p:nvCxnSpPr>
        <p:spPr>
          <a:xfrm>
            <a:off x="6011662" y="642347"/>
            <a:ext cx="0" cy="4570038"/>
          </a:xfrm>
          <a:prstGeom prst="straightConnector1">
            <a:avLst/>
          </a:prstGeom>
          <a:ln w="28575">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33" name="直線矢印コネクタ 32">
            <a:extLst>
              <a:ext uri="{FF2B5EF4-FFF2-40B4-BE49-F238E27FC236}">
                <a16:creationId xmlns:a16="http://schemas.microsoft.com/office/drawing/2014/main" id="{4FE1374B-74F6-F630-B4EE-CCE4EDA97C90}"/>
              </a:ext>
            </a:extLst>
          </p:cNvPr>
          <p:cNvCxnSpPr>
            <a:cxnSpLocks/>
          </p:cNvCxnSpPr>
          <p:nvPr/>
        </p:nvCxnSpPr>
        <p:spPr>
          <a:xfrm>
            <a:off x="11456450" y="795450"/>
            <a:ext cx="0" cy="3905019"/>
          </a:xfrm>
          <a:prstGeom prst="straightConnector1">
            <a:avLst/>
          </a:prstGeom>
          <a:ln w="28575">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36" name="テキスト ボックス 35">
            <a:extLst>
              <a:ext uri="{FF2B5EF4-FFF2-40B4-BE49-F238E27FC236}">
                <a16:creationId xmlns:a16="http://schemas.microsoft.com/office/drawing/2014/main" id="{2DDD5FCC-413D-219E-F915-F026A563698F}"/>
              </a:ext>
            </a:extLst>
          </p:cNvPr>
          <p:cNvSpPr txBox="1"/>
          <p:nvPr/>
        </p:nvSpPr>
        <p:spPr>
          <a:xfrm>
            <a:off x="0" y="826602"/>
            <a:ext cx="884173" cy="261610"/>
          </a:xfrm>
          <a:prstGeom prst="rect">
            <a:avLst/>
          </a:prstGeom>
          <a:noFill/>
        </p:spPr>
        <p:txBody>
          <a:bodyPr wrap="square" rtlCol="0">
            <a:spAutoFit/>
          </a:bodyPr>
          <a:lstStyle/>
          <a:p>
            <a:pPr algn="r"/>
            <a:r>
              <a:rPr kumimoji="1" lang="en-US" altLang="ja-JP" sz="1100" b="1" dirty="0">
                <a:latin typeface="BIZ UDPゴシック" panose="020B0400000000000000" pitchFamily="50" charset="-128"/>
                <a:ea typeface="BIZ UDPゴシック" panose="020B0400000000000000" pitchFamily="50" charset="-128"/>
              </a:rPr>
              <a:t>10,000</a:t>
            </a:r>
            <a:endParaRPr kumimoji="1" lang="ja-JP" altLang="en-US" sz="1100" b="1" dirty="0">
              <a:latin typeface="BIZ UDPゴシック" panose="020B0400000000000000" pitchFamily="50" charset="-128"/>
              <a:ea typeface="BIZ UDPゴシック" panose="020B0400000000000000" pitchFamily="50" charset="-128"/>
            </a:endParaRPr>
          </a:p>
        </p:txBody>
      </p:sp>
      <p:sp>
        <p:nvSpPr>
          <p:cNvPr id="37" name="テキスト ボックス 36">
            <a:extLst>
              <a:ext uri="{FF2B5EF4-FFF2-40B4-BE49-F238E27FC236}">
                <a16:creationId xmlns:a16="http://schemas.microsoft.com/office/drawing/2014/main" id="{0EEACD5E-EF1D-AF65-FE2B-739640CEFBC0}"/>
              </a:ext>
            </a:extLst>
          </p:cNvPr>
          <p:cNvSpPr txBox="1"/>
          <p:nvPr/>
        </p:nvSpPr>
        <p:spPr>
          <a:xfrm>
            <a:off x="-148381" y="2321593"/>
            <a:ext cx="712882" cy="261610"/>
          </a:xfrm>
          <a:prstGeom prst="rect">
            <a:avLst/>
          </a:prstGeom>
          <a:noFill/>
        </p:spPr>
        <p:txBody>
          <a:bodyPr wrap="square" rtlCol="0">
            <a:spAutoFit/>
          </a:bodyPr>
          <a:lstStyle/>
          <a:p>
            <a:pPr algn="r"/>
            <a:r>
              <a:rPr kumimoji="1" lang="en-US" altLang="ja-JP" sz="1100" b="1" dirty="0">
                <a:latin typeface="BIZ UDPゴシック" panose="020B0400000000000000" pitchFamily="50" charset="-128"/>
                <a:ea typeface="BIZ UDPゴシック" panose="020B0400000000000000" pitchFamily="50" charset="-128"/>
              </a:rPr>
              <a:t>1000</a:t>
            </a:r>
            <a:endParaRPr kumimoji="1" lang="ja-JP" altLang="en-US" sz="1100" b="1"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4175028722"/>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Picture 4" descr="CEATEC AWARD 2024">
            <a:extLst>
              <a:ext uri="{FF2B5EF4-FFF2-40B4-BE49-F238E27FC236}">
                <a16:creationId xmlns:a16="http://schemas.microsoft.com/office/drawing/2014/main" id="{FAFD1803-CF52-6C8D-B7BB-B24E982DBFD7}"/>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729674" y="2100697"/>
            <a:ext cx="2405970" cy="918197"/>
          </a:xfrm>
          <a:prstGeom prst="rect">
            <a:avLst/>
          </a:prstGeom>
          <a:noFill/>
          <a:extLst>
            <a:ext uri="{909E8E84-426E-40DD-AFC4-6F175D3DCCD1}">
              <a14:hiddenFill xmlns:a14="http://schemas.microsoft.com/office/drawing/2010/main">
                <a:solidFill>
                  <a:srgbClr val="FFFFFF"/>
                </a:solidFill>
              </a14:hiddenFill>
            </a:ext>
          </a:extLst>
        </p:spPr>
      </p:pic>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メモリスタを利用した次世代コンピューティング技術</a:t>
            </a:r>
          </a:p>
        </p:txBody>
      </p:sp>
      <p:pic>
        <p:nvPicPr>
          <p:cNvPr id="5" name="図 4">
            <a:extLst>
              <a:ext uri="{FF2B5EF4-FFF2-40B4-BE49-F238E27FC236}">
                <a16:creationId xmlns:a16="http://schemas.microsoft.com/office/drawing/2014/main" id="{4751A9F2-27F3-FED3-EEDE-773F5533B2D7}"/>
              </a:ext>
            </a:extLst>
          </p:cNvPr>
          <p:cNvPicPr>
            <a:picLocks noChangeAspect="1"/>
          </p:cNvPicPr>
          <p:nvPr/>
        </p:nvPicPr>
        <p:blipFill>
          <a:blip r:embed="rId3"/>
          <a:stretch>
            <a:fillRect/>
          </a:stretch>
        </p:blipFill>
        <p:spPr>
          <a:xfrm>
            <a:off x="81075" y="1078870"/>
            <a:ext cx="6235298" cy="4700260"/>
          </a:xfrm>
          <a:prstGeom prst="rect">
            <a:avLst/>
          </a:prstGeom>
        </p:spPr>
      </p:pic>
      <p:pic>
        <p:nvPicPr>
          <p:cNvPr id="8" name="図 7">
            <a:extLst>
              <a:ext uri="{FF2B5EF4-FFF2-40B4-BE49-F238E27FC236}">
                <a16:creationId xmlns:a16="http://schemas.microsoft.com/office/drawing/2014/main" id="{07A5D65D-A177-67E0-A54B-410B04087B24}"/>
              </a:ext>
            </a:extLst>
          </p:cNvPr>
          <p:cNvPicPr>
            <a:picLocks noChangeAspect="1"/>
          </p:cNvPicPr>
          <p:nvPr/>
        </p:nvPicPr>
        <p:blipFill>
          <a:blip r:embed="rId4"/>
          <a:stretch>
            <a:fillRect/>
          </a:stretch>
        </p:blipFill>
        <p:spPr>
          <a:xfrm>
            <a:off x="0" y="5807574"/>
            <a:ext cx="1050426" cy="1050426"/>
          </a:xfrm>
          <a:prstGeom prst="rect">
            <a:avLst/>
          </a:prstGeom>
        </p:spPr>
      </p:pic>
      <p:sp>
        <p:nvSpPr>
          <p:cNvPr id="10" name="テキスト ボックス 9">
            <a:extLst>
              <a:ext uri="{FF2B5EF4-FFF2-40B4-BE49-F238E27FC236}">
                <a16:creationId xmlns:a16="http://schemas.microsoft.com/office/drawing/2014/main" id="{BB877128-1DA2-916D-9599-36A2F3AEAA14}"/>
              </a:ext>
            </a:extLst>
          </p:cNvPr>
          <p:cNvSpPr txBox="1"/>
          <p:nvPr/>
        </p:nvSpPr>
        <p:spPr>
          <a:xfrm>
            <a:off x="965409" y="6148121"/>
            <a:ext cx="5223793" cy="461665"/>
          </a:xfrm>
          <a:prstGeom prst="rect">
            <a:avLst/>
          </a:prstGeom>
          <a:noFill/>
        </p:spPr>
        <p:txBody>
          <a:bodyPr wrap="square">
            <a:spAutoFit/>
          </a:bodyPr>
          <a:lstStyle/>
          <a:p>
            <a:r>
              <a:rPr lang="en-US" altLang="ja-JP" sz="2400" dirty="0">
                <a:solidFill>
                  <a:srgbClr val="C00000"/>
                </a:solidFill>
                <a:latin typeface="Congenial Black" panose="02000503040000020004" pitchFamily="2" charset="0"/>
                <a:ea typeface="BIZ UDPゴシック" panose="020B0400000000000000" pitchFamily="50" charset="-128"/>
              </a:rPr>
              <a:t>https://www.tetramem.com/</a:t>
            </a:r>
            <a:endParaRPr lang="ja-JP" altLang="en-US" sz="2400" dirty="0">
              <a:solidFill>
                <a:srgbClr val="C00000"/>
              </a:solidFill>
              <a:latin typeface="Congenial Black" panose="02000503040000020004" pitchFamily="2" charset="0"/>
              <a:ea typeface="BIZ UDPゴシック" panose="020B0400000000000000" pitchFamily="50" charset="-128"/>
            </a:endParaRPr>
          </a:p>
        </p:txBody>
      </p:sp>
      <p:sp>
        <p:nvSpPr>
          <p:cNvPr id="12" name="テキスト ボックス 11">
            <a:extLst>
              <a:ext uri="{FF2B5EF4-FFF2-40B4-BE49-F238E27FC236}">
                <a16:creationId xmlns:a16="http://schemas.microsoft.com/office/drawing/2014/main" id="{816F9908-A469-06D4-C5BF-32DA035F8685}"/>
              </a:ext>
            </a:extLst>
          </p:cNvPr>
          <p:cNvSpPr txBox="1"/>
          <p:nvPr/>
        </p:nvSpPr>
        <p:spPr>
          <a:xfrm>
            <a:off x="965409" y="473551"/>
            <a:ext cx="4573889" cy="584775"/>
          </a:xfrm>
          <a:prstGeom prst="rect">
            <a:avLst/>
          </a:prstGeom>
          <a:noFill/>
        </p:spPr>
        <p:txBody>
          <a:bodyPr wrap="square">
            <a:spAutoFit/>
          </a:bodyPr>
          <a:lstStyle/>
          <a:p>
            <a:pPr algn="ctr"/>
            <a:r>
              <a:rPr kumimoji="1" lang="en-US" altLang="ja-JP" sz="3200" b="1" dirty="0">
                <a:solidFill>
                  <a:srgbClr val="C00000"/>
                </a:solidFill>
                <a:latin typeface="HGS創英ﾌﾟﾚｾﾞﾝｽEB" panose="02020800000000000000" pitchFamily="18" charset="-128"/>
                <a:ea typeface="HGS創英ﾌﾟﾚｾﾞﾝｽEB" panose="02020800000000000000" pitchFamily="18" charset="-128"/>
              </a:rPr>
              <a:t>In-Memory Computing</a:t>
            </a:r>
          </a:p>
        </p:txBody>
      </p:sp>
      <p:pic>
        <p:nvPicPr>
          <p:cNvPr id="15" name="図 14">
            <a:extLst>
              <a:ext uri="{FF2B5EF4-FFF2-40B4-BE49-F238E27FC236}">
                <a16:creationId xmlns:a16="http://schemas.microsoft.com/office/drawing/2014/main" id="{D70F72CE-6F38-EA7A-361D-510035301E51}"/>
              </a:ext>
            </a:extLst>
          </p:cNvPr>
          <p:cNvPicPr>
            <a:picLocks noChangeAspect="1"/>
          </p:cNvPicPr>
          <p:nvPr/>
        </p:nvPicPr>
        <p:blipFill>
          <a:blip r:embed="rId5"/>
          <a:stretch>
            <a:fillRect/>
          </a:stretch>
        </p:blipFill>
        <p:spPr>
          <a:xfrm>
            <a:off x="6479092" y="1078870"/>
            <a:ext cx="3067119" cy="4700260"/>
          </a:xfrm>
          <a:prstGeom prst="rect">
            <a:avLst/>
          </a:prstGeom>
        </p:spPr>
      </p:pic>
      <p:pic>
        <p:nvPicPr>
          <p:cNvPr id="1026" name="Picture 2" descr="スピンメモリスタを実装した音声分離デモンストレーション用回路">
            <a:extLst>
              <a:ext uri="{FF2B5EF4-FFF2-40B4-BE49-F238E27FC236}">
                <a16:creationId xmlns:a16="http://schemas.microsoft.com/office/drawing/2014/main" id="{98FBE0C7-CE2D-CA67-58D4-87C6F4183953}"/>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rot="16200000">
            <a:off x="8883203" y="3560075"/>
            <a:ext cx="3991257" cy="2472136"/>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踊るお姫様のイラスト">
            <a:extLst>
              <a:ext uri="{FF2B5EF4-FFF2-40B4-BE49-F238E27FC236}">
                <a16:creationId xmlns:a16="http://schemas.microsoft.com/office/drawing/2014/main" id="{8BD6D064-0C49-B736-70E8-B8B39CB43D65}"/>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9754393" y="0"/>
            <a:ext cx="2356532" cy="2356532"/>
          </a:xfrm>
          <a:prstGeom prst="rect">
            <a:avLst/>
          </a:prstGeom>
          <a:noFill/>
          <a:extLst>
            <a:ext uri="{909E8E84-426E-40DD-AFC4-6F175D3DCCD1}">
              <a14:hiddenFill xmlns:a14="http://schemas.microsoft.com/office/drawing/2010/main">
                <a:solidFill>
                  <a:srgbClr val="FFFFFF"/>
                </a:solidFill>
              </a14:hiddenFill>
            </a:ext>
          </a:extLst>
        </p:spPr>
      </p:pic>
      <p:sp>
        <p:nvSpPr>
          <p:cNvPr id="16" name="テキスト ボックス 15">
            <a:extLst>
              <a:ext uri="{FF2B5EF4-FFF2-40B4-BE49-F238E27FC236}">
                <a16:creationId xmlns:a16="http://schemas.microsoft.com/office/drawing/2014/main" id="{63293C26-589F-CB97-D804-E709552403CD}"/>
              </a:ext>
            </a:extLst>
          </p:cNvPr>
          <p:cNvSpPr txBox="1"/>
          <p:nvPr/>
        </p:nvSpPr>
        <p:spPr>
          <a:xfrm>
            <a:off x="6275052" y="494095"/>
            <a:ext cx="3367711" cy="584775"/>
          </a:xfrm>
          <a:prstGeom prst="rect">
            <a:avLst/>
          </a:prstGeom>
          <a:noFill/>
        </p:spPr>
        <p:txBody>
          <a:bodyPr wrap="square">
            <a:spAutoFit/>
          </a:bodyPr>
          <a:lstStyle/>
          <a:p>
            <a:pPr algn="ctr"/>
            <a:r>
              <a:rPr kumimoji="1" lang="ja-JP" altLang="en-US" sz="3200" b="1" dirty="0">
                <a:solidFill>
                  <a:schemeClr val="accent2">
                    <a:lumMod val="75000"/>
                  </a:schemeClr>
                </a:solidFill>
                <a:latin typeface="HGS創英ﾌﾟﾚｾﾞﾝｽEB" panose="02020800000000000000" pitchFamily="18" charset="-128"/>
                <a:ea typeface="HGS創英ﾌﾟﾚｾﾞﾝｽEB" panose="02020800000000000000" pitchFamily="18" charset="-128"/>
              </a:rPr>
              <a:t>ニューロチップ</a:t>
            </a:r>
            <a:endParaRPr kumimoji="1" lang="en-US" altLang="ja-JP" sz="3200" b="1" dirty="0">
              <a:solidFill>
                <a:schemeClr val="accent2">
                  <a:lumMod val="75000"/>
                </a:schemeClr>
              </a:solidFill>
              <a:latin typeface="HGS創英ﾌﾟﾚｾﾞﾝｽEB" panose="02020800000000000000" pitchFamily="18" charset="-128"/>
              <a:ea typeface="HGS創英ﾌﾟﾚｾﾞﾝｽEB" panose="02020800000000000000" pitchFamily="18" charset="-128"/>
            </a:endParaRPr>
          </a:p>
        </p:txBody>
      </p:sp>
      <p:pic>
        <p:nvPicPr>
          <p:cNvPr id="18" name="図 17">
            <a:extLst>
              <a:ext uri="{FF2B5EF4-FFF2-40B4-BE49-F238E27FC236}">
                <a16:creationId xmlns:a16="http://schemas.microsoft.com/office/drawing/2014/main" id="{4E5A3125-19B3-F20C-659D-5EBD5519BC03}"/>
              </a:ext>
            </a:extLst>
          </p:cNvPr>
          <p:cNvPicPr>
            <a:picLocks noChangeAspect="1"/>
          </p:cNvPicPr>
          <p:nvPr/>
        </p:nvPicPr>
        <p:blipFill>
          <a:blip r:embed="rId8"/>
          <a:stretch>
            <a:fillRect/>
          </a:stretch>
        </p:blipFill>
        <p:spPr>
          <a:xfrm>
            <a:off x="8544062" y="5815680"/>
            <a:ext cx="1050426" cy="1050426"/>
          </a:xfrm>
          <a:prstGeom prst="rect">
            <a:avLst/>
          </a:prstGeom>
        </p:spPr>
      </p:pic>
      <p:sp>
        <p:nvSpPr>
          <p:cNvPr id="19" name="テキスト ボックス 18">
            <a:extLst>
              <a:ext uri="{FF2B5EF4-FFF2-40B4-BE49-F238E27FC236}">
                <a16:creationId xmlns:a16="http://schemas.microsoft.com/office/drawing/2014/main" id="{33D55797-8F2B-A8EE-3EE3-6F8E2BC81431}"/>
              </a:ext>
            </a:extLst>
          </p:cNvPr>
          <p:cNvSpPr txBox="1"/>
          <p:nvPr/>
        </p:nvSpPr>
        <p:spPr>
          <a:xfrm>
            <a:off x="6488853" y="6009621"/>
            <a:ext cx="2133711" cy="707886"/>
          </a:xfrm>
          <a:prstGeom prst="rect">
            <a:avLst/>
          </a:prstGeom>
          <a:noFill/>
        </p:spPr>
        <p:txBody>
          <a:bodyPr wrap="square">
            <a:spAutoFit/>
          </a:bodyPr>
          <a:lstStyle/>
          <a:p>
            <a:r>
              <a:rPr lang="en-US" altLang="ja-JP" sz="1000" dirty="0">
                <a:solidFill>
                  <a:schemeClr val="accent2">
                    <a:lumMod val="75000"/>
                  </a:schemeClr>
                </a:solidFill>
                <a:latin typeface="Congenial Black" panose="02000503040000020004" pitchFamily="2" charset="0"/>
                <a:ea typeface="BIZ UDPゴシック" panose="020B0400000000000000" pitchFamily="50" charset="-128"/>
              </a:rPr>
              <a:t>https://www.</a:t>
            </a:r>
            <a:r>
              <a:rPr lang="en-US" altLang="ja-JP" sz="2000" dirty="0">
                <a:solidFill>
                  <a:srgbClr val="C00000"/>
                </a:solidFill>
                <a:latin typeface="Congenial Black" panose="02000503040000020004" pitchFamily="2" charset="0"/>
                <a:ea typeface="BIZ UDPゴシック" panose="020B0400000000000000" pitchFamily="50" charset="-128"/>
              </a:rPr>
              <a:t>tdk</a:t>
            </a:r>
            <a:r>
              <a:rPr lang="en-US" altLang="ja-JP" sz="1000" dirty="0">
                <a:solidFill>
                  <a:schemeClr val="accent2">
                    <a:lumMod val="75000"/>
                  </a:schemeClr>
                </a:solidFill>
                <a:latin typeface="Congenial Black" panose="02000503040000020004" pitchFamily="2" charset="0"/>
                <a:ea typeface="BIZ UDPゴシック" panose="020B0400000000000000" pitchFamily="50" charset="-128"/>
              </a:rPr>
              <a:t>.com/ja/featured_stories/entry_071-neuromorphic-devices.html</a:t>
            </a:r>
            <a:endParaRPr lang="ja-JP" altLang="en-US" sz="1000" dirty="0">
              <a:solidFill>
                <a:schemeClr val="accent2">
                  <a:lumMod val="75000"/>
                </a:schemeClr>
              </a:solidFill>
              <a:latin typeface="Congenial Black" panose="02000503040000020004" pitchFamily="2" charset="0"/>
              <a:ea typeface="BIZ UDPゴシック" panose="020B0400000000000000" pitchFamily="50" charset="-128"/>
            </a:endParaRPr>
          </a:p>
        </p:txBody>
      </p:sp>
    </p:spTree>
    <p:extLst>
      <p:ext uri="{BB962C8B-B14F-4D97-AF65-F5344CB8AC3E}">
        <p14:creationId xmlns:p14="http://schemas.microsoft.com/office/powerpoint/2010/main" val="4047931004"/>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CB91481A-8BC9-0153-45F2-A967DC5B8929}"/>
              </a:ext>
            </a:extLst>
          </p:cNvPr>
          <p:cNvSpPr/>
          <p:nvPr/>
        </p:nvSpPr>
        <p:spPr>
          <a:xfrm>
            <a:off x="0" y="0"/>
            <a:ext cx="12192000" cy="6858000"/>
          </a:xfrm>
          <a:prstGeom prst="rect">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a:extLst>
              <a:ext uri="{FF2B5EF4-FFF2-40B4-BE49-F238E27FC236}">
                <a16:creationId xmlns:a16="http://schemas.microsoft.com/office/drawing/2014/main" id="{42E70F4F-0068-BA4F-86DA-069E75A81E2D}"/>
              </a:ext>
            </a:extLst>
          </p:cNvPr>
          <p:cNvSpPr txBox="1"/>
          <p:nvPr/>
        </p:nvSpPr>
        <p:spPr>
          <a:xfrm>
            <a:off x="1" y="2705725"/>
            <a:ext cx="12191999" cy="1446550"/>
          </a:xfrm>
          <a:prstGeom prst="rect">
            <a:avLst/>
          </a:prstGeom>
          <a:noFill/>
        </p:spPr>
        <p:txBody>
          <a:bodyPr wrap="square" rtlCol="0">
            <a:spAutoFit/>
          </a:bodyPr>
          <a:lstStyle/>
          <a:p>
            <a:pPr algn="ctr"/>
            <a:r>
              <a:rPr kumimoji="1" lang="en-US" altLang="ja-JP" sz="8800" b="1" dirty="0">
                <a:solidFill>
                  <a:schemeClr val="bg1"/>
                </a:solidFill>
                <a:latin typeface="HGS創英ﾌﾟﾚｾﾞﾝｽEB" panose="02020800000000000000" pitchFamily="18" charset="-128"/>
                <a:ea typeface="HGS創英ﾌﾟﾚｾﾞﾝｽEB" panose="02020800000000000000" pitchFamily="18" charset="-128"/>
              </a:rPr>
              <a:t>In-Memory Computing</a:t>
            </a:r>
          </a:p>
        </p:txBody>
      </p:sp>
    </p:spTree>
    <p:extLst>
      <p:ext uri="{BB962C8B-B14F-4D97-AF65-F5344CB8AC3E}">
        <p14:creationId xmlns:p14="http://schemas.microsoft.com/office/powerpoint/2010/main" val="277880652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CB91481A-8BC9-0153-45F2-A967DC5B8929}"/>
              </a:ext>
            </a:extLst>
          </p:cNvPr>
          <p:cNvSpPr/>
          <p:nvPr/>
        </p:nvSpPr>
        <p:spPr>
          <a:xfrm>
            <a:off x="0" y="0"/>
            <a:ext cx="12192000" cy="6858000"/>
          </a:xfrm>
          <a:prstGeom prst="rect">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a:extLst>
              <a:ext uri="{FF2B5EF4-FFF2-40B4-BE49-F238E27FC236}">
                <a16:creationId xmlns:a16="http://schemas.microsoft.com/office/drawing/2014/main" id="{42E70F4F-0068-BA4F-86DA-069E75A81E2D}"/>
              </a:ext>
            </a:extLst>
          </p:cNvPr>
          <p:cNvSpPr txBox="1"/>
          <p:nvPr/>
        </p:nvSpPr>
        <p:spPr>
          <a:xfrm>
            <a:off x="1" y="2705725"/>
            <a:ext cx="12191999" cy="1446550"/>
          </a:xfrm>
          <a:prstGeom prst="rect">
            <a:avLst/>
          </a:prstGeom>
          <a:noFill/>
        </p:spPr>
        <p:txBody>
          <a:bodyPr wrap="square" rtlCol="0">
            <a:spAutoFit/>
          </a:bodyPr>
          <a:lstStyle/>
          <a:p>
            <a:pPr algn="ctr"/>
            <a:r>
              <a:rPr kumimoji="1" lang="ja-JP" altLang="en-US"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はじめに</a:t>
            </a:r>
            <a:endParaRPr kumimoji="1" lang="en-US" altLang="ja-JP"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endParaRPr>
          </a:p>
        </p:txBody>
      </p:sp>
    </p:spTree>
    <p:extLst>
      <p:ext uri="{BB962C8B-B14F-4D97-AF65-F5344CB8AC3E}">
        <p14:creationId xmlns:p14="http://schemas.microsoft.com/office/powerpoint/2010/main" val="1683752688"/>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In-Memory Computing</a:t>
            </a:r>
            <a:endParaRPr kumimoji="1" lang="ja-JP" altLang="en-US" sz="2400" b="1" dirty="0">
              <a:latin typeface="BIZ UDPゴシック" panose="020B0400000000000000" pitchFamily="50" charset="-128"/>
              <a:ea typeface="BIZ UDPゴシック" panose="020B0400000000000000" pitchFamily="50" charset="-128"/>
            </a:endParaRPr>
          </a:p>
        </p:txBody>
      </p:sp>
      <p:sp>
        <p:nvSpPr>
          <p:cNvPr id="6" name="テキスト ボックス 5">
            <a:extLst>
              <a:ext uri="{FF2B5EF4-FFF2-40B4-BE49-F238E27FC236}">
                <a16:creationId xmlns:a16="http://schemas.microsoft.com/office/drawing/2014/main" id="{69DCBC1C-848C-B5BB-599D-B7D9FB7CEF4D}"/>
              </a:ext>
            </a:extLst>
          </p:cNvPr>
          <p:cNvSpPr txBox="1"/>
          <p:nvPr/>
        </p:nvSpPr>
        <p:spPr>
          <a:xfrm>
            <a:off x="502857" y="665914"/>
            <a:ext cx="11186286" cy="1754326"/>
          </a:xfrm>
          <a:prstGeom prst="rect">
            <a:avLst/>
          </a:prstGeom>
          <a:noFill/>
        </p:spPr>
        <p:txBody>
          <a:bodyPr wrap="square">
            <a:spAutoFit/>
          </a:bodyPr>
          <a:lstStyle/>
          <a:p>
            <a:pPr algn="l"/>
            <a:r>
              <a:rPr lang="en-US" altLang="ja-JP" b="1" i="0" dirty="0">
                <a:solidFill>
                  <a:srgbClr val="000000"/>
                </a:solidFill>
                <a:effectLst/>
                <a:latin typeface="HiraKakuProN-W3"/>
              </a:rPr>
              <a:t>1. </a:t>
            </a:r>
            <a:r>
              <a:rPr lang="ja-JP" altLang="en-US" b="1" i="0" dirty="0">
                <a:solidFill>
                  <a:srgbClr val="000000"/>
                </a:solidFill>
                <a:effectLst/>
                <a:latin typeface="HiraKakuProN-W3"/>
              </a:rPr>
              <a:t>従来型のアーキテクチャー、つまりノイマン型の構成ではデータの移動に消費電力の</a:t>
            </a:r>
            <a:r>
              <a:rPr lang="en-US" altLang="ja-JP" b="1" i="0" dirty="0">
                <a:solidFill>
                  <a:srgbClr val="000000"/>
                </a:solidFill>
                <a:effectLst/>
                <a:latin typeface="HiraKakuProN-W3"/>
              </a:rPr>
              <a:t>90%</a:t>
            </a:r>
            <a:r>
              <a:rPr lang="ja-JP" altLang="en-US" b="1" i="0" dirty="0">
                <a:solidFill>
                  <a:srgbClr val="000000"/>
                </a:solidFill>
                <a:effectLst/>
                <a:latin typeface="HiraKakuProN-W3"/>
              </a:rPr>
              <a:t>以上を費やすことになり、これが性能</a:t>
            </a:r>
            <a:r>
              <a:rPr lang="en-US" altLang="ja-JP" b="1" i="0" dirty="0">
                <a:solidFill>
                  <a:srgbClr val="000000"/>
                </a:solidFill>
                <a:effectLst/>
                <a:latin typeface="HiraKakuProN-W3"/>
              </a:rPr>
              <a:t>/</a:t>
            </a:r>
            <a:r>
              <a:rPr lang="ja-JP" altLang="en-US" b="1" i="0" dirty="0">
                <a:solidFill>
                  <a:srgbClr val="000000"/>
                </a:solidFill>
                <a:effectLst/>
                <a:latin typeface="HiraKakuProN-W3"/>
              </a:rPr>
              <a:t>消費電力比向上の妨げになっている。性能を上げようとしても、供給できる電力に限りがあるから、性能が上げきれないことになる。</a:t>
            </a:r>
            <a:endParaRPr lang="ja-JP" altLang="en-US" b="0" i="0" dirty="0">
              <a:solidFill>
                <a:srgbClr val="000000"/>
              </a:solidFill>
              <a:effectLst/>
              <a:latin typeface="HiraKakuProN-W3"/>
            </a:endParaRPr>
          </a:p>
          <a:p>
            <a:pPr algn="l"/>
            <a:r>
              <a:rPr lang="en-US" altLang="ja-JP" b="1" i="0" dirty="0">
                <a:solidFill>
                  <a:srgbClr val="000000"/>
                </a:solidFill>
                <a:effectLst/>
                <a:latin typeface="HiraKakuProN-W3"/>
              </a:rPr>
              <a:t>2. CMOS</a:t>
            </a:r>
            <a:r>
              <a:rPr lang="ja-JP" altLang="en-US" b="1" i="0" dirty="0">
                <a:solidFill>
                  <a:srgbClr val="000000"/>
                </a:solidFill>
                <a:effectLst/>
                <a:latin typeface="HiraKakuProN-W3"/>
              </a:rPr>
              <a:t>の微細化がどんどん厳しくなり、</a:t>
            </a:r>
            <a:r>
              <a:rPr lang="en-US" altLang="ja-JP" b="1" i="0" dirty="0">
                <a:solidFill>
                  <a:srgbClr val="000000"/>
                </a:solidFill>
                <a:effectLst/>
                <a:latin typeface="HiraKakuProN-W3"/>
              </a:rPr>
              <a:t>10nm</a:t>
            </a:r>
            <a:r>
              <a:rPr lang="ja-JP" altLang="en-US" b="1" i="0" dirty="0">
                <a:solidFill>
                  <a:srgbClr val="000000"/>
                </a:solidFill>
                <a:effectLst/>
                <a:latin typeface="HiraKakuProN-W3"/>
              </a:rPr>
              <a:t>世代以降では微細化のペースが落ちている。ということは、大規模なプロセッサーをどんどん作り難くなる。</a:t>
            </a:r>
            <a:endParaRPr lang="ja-JP" altLang="en-US" b="0" i="0" dirty="0">
              <a:solidFill>
                <a:srgbClr val="000000"/>
              </a:solidFill>
              <a:effectLst/>
              <a:latin typeface="HiraKakuProN-W3"/>
            </a:endParaRPr>
          </a:p>
          <a:p>
            <a:pPr algn="l"/>
            <a:r>
              <a:rPr lang="en-US" altLang="ja-JP" b="1" i="0" dirty="0">
                <a:solidFill>
                  <a:srgbClr val="000000"/>
                </a:solidFill>
                <a:effectLst/>
                <a:latin typeface="HiraKakuProN-W3"/>
              </a:rPr>
              <a:t>3. 1.</a:t>
            </a:r>
            <a:r>
              <a:rPr lang="ja-JP" altLang="en-US" b="1" i="0" dirty="0">
                <a:solidFill>
                  <a:srgbClr val="000000"/>
                </a:solidFill>
                <a:effectLst/>
                <a:latin typeface="HiraKakuProN-W3"/>
              </a:rPr>
              <a:t>と</a:t>
            </a:r>
            <a:r>
              <a:rPr lang="en-US" altLang="ja-JP" b="1" i="0" dirty="0">
                <a:solidFill>
                  <a:srgbClr val="000000"/>
                </a:solidFill>
                <a:effectLst/>
                <a:latin typeface="HiraKakuProN-W3"/>
              </a:rPr>
              <a:t>2.</a:t>
            </a:r>
            <a:r>
              <a:rPr lang="ja-JP" altLang="en-US" b="1" i="0" dirty="0">
                <a:solidFill>
                  <a:srgbClr val="000000"/>
                </a:solidFill>
                <a:effectLst/>
                <a:latin typeface="HiraKakuProN-W3"/>
              </a:rPr>
              <a:t>に絡んで、消費電力増大にともなう発熱がシステムの性能や規模を妨げることになる。</a:t>
            </a:r>
            <a:endParaRPr lang="ja-JP" altLang="en-US" b="0" i="0" dirty="0">
              <a:solidFill>
                <a:srgbClr val="000000"/>
              </a:solidFill>
              <a:effectLst/>
              <a:latin typeface="HiraKakuProN-W3"/>
            </a:endParaRPr>
          </a:p>
        </p:txBody>
      </p:sp>
      <p:pic>
        <p:nvPicPr>
          <p:cNvPr id="8" name="図 7">
            <a:extLst>
              <a:ext uri="{FF2B5EF4-FFF2-40B4-BE49-F238E27FC236}">
                <a16:creationId xmlns:a16="http://schemas.microsoft.com/office/drawing/2014/main" id="{660E611D-0945-F24A-F70D-1CDEC1FEE09E}"/>
              </a:ext>
            </a:extLst>
          </p:cNvPr>
          <p:cNvPicPr>
            <a:picLocks noChangeAspect="1"/>
          </p:cNvPicPr>
          <p:nvPr/>
        </p:nvPicPr>
        <p:blipFill>
          <a:blip r:embed="rId2"/>
          <a:stretch>
            <a:fillRect/>
          </a:stretch>
        </p:blipFill>
        <p:spPr>
          <a:xfrm>
            <a:off x="589084" y="2612603"/>
            <a:ext cx="6998677" cy="3815478"/>
          </a:xfrm>
          <a:prstGeom prst="rect">
            <a:avLst/>
          </a:prstGeom>
        </p:spPr>
      </p:pic>
    </p:spTree>
    <p:extLst>
      <p:ext uri="{BB962C8B-B14F-4D97-AF65-F5344CB8AC3E}">
        <p14:creationId xmlns:p14="http://schemas.microsoft.com/office/powerpoint/2010/main" val="1307546608"/>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In-Memory Computing</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3" name="図 2">
            <a:extLst>
              <a:ext uri="{FF2B5EF4-FFF2-40B4-BE49-F238E27FC236}">
                <a16:creationId xmlns:a16="http://schemas.microsoft.com/office/drawing/2014/main" id="{D5EC5B67-1357-4E45-09F4-8722B71AB268}"/>
              </a:ext>
            </a:extLst>
          </p:cNvPr>
          <p:cNvPicPr>
            <a:picLocks noChangeAspect="1"/>
          </p:cNvPicPr>
          <p:nvPr/>
        </p:nvPicPr>
        <p:blipFill>
          <a:blip r:embed="rId2"/>
          <a:stretch>
            <a:fillRect/>
          </a:stretch>
        </p:blipFill>
        <p:spPr>
          <a:xfrm>
            <a:off x="263406" y="496222"/>
            <a:ext cx="11665188" cy="6364861"/>
          </a:xfrm>
          <a:prstGeom prst="rect">
            <a:avLst/>
          </a:prstGeom>
        </p:spPr>
      </p:pic>
    </p:spTree>
    <p:extLst>
      <p:ext uri="{BB962C8B-B14F-4D97-AF65-F5344CB8AC3E}">
        <p14:creationId xmlns:p14="http://schemas.microsoft.com/office/powerpoint/2010/main" val="1495242485"/>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In-Memory Computing</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3" name="図 2">
            <a:extLst>
              <a:ext uri="{FF2B5EF4-FFF2-40B4-BE49-F238E27FC236}">
                <a16:creationId xmlns:a16="http://schemas.microsoft.com/office/drawing/2014/main" id="{EC617EBC-5582-CA75-BB71-463201FED555}"/>
              </a:ext>
            </a:extLst>
          </p:cNvPr>
          <p:cNvPicPr>
            <a:picLocks noChangeAspect="1"/>
          </p:cNvPicPr>
          <p:nvPr/>
        </p:nvPicPr>
        <p:blipFill>
          <a:blip r:embed="rId2"/>
          <a:stretch>
            <a:fillRect/>
          </a:stretch>
        </p:blipFill>
        <p:spPr>
          <a:xfrm>
            <a:off x="350158" y="473551"/>
            <a:ext cx="11053394" cy="6306149"/>
          </a:xfrm>
          <a:prstGeom prst="rect">
            <a:avLst/>
          </a:prstGeom>
        </p:spPr>
      </p:pic>
    </p:spTree>
    <p:extLst>
      <p:ext uri="{BB962C8B-B14F-4D97-AF65-F5344CB8AC3E}">
        <p14:creationId xmlns:p14="http://schemas.microsoft.com/office/powerpoint/2010/main" val="32845523"/>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In-Memory Computing</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4" name="図 3">
            <a:extLst>
              <a:ext uri="{FF2B5EF4-FFF2-40B4-BE49-F238E27FC236}">
                <a16:creationId xmlns:a16="http://schemas.microsoft.com/office/drawing/2014/main" id="{BA2E4EED-E09F-405E-A376-418C4574D983}"/>
              </a:ext>
            </a:extLst>
          </p:cNvPr>
          <p:cNvPicPr>
            <a:picLocks noChangeAspect="1"/>
          </p:cNvPicPr>
          <p:nvPr/>
        </p:nvPicPr>
        <p:blipFill>
          <a:blip r:embed="rId2"/>
          <a:stretch>
            <a:fillRect/>
          </a:stretch>
        </p:blipFill>
        <p:spPr>
          <a:xfrm>
            <a:off x="234268" y="574333"/>
            <a:ext cx="11140386" cy="6170935"/>
          </a:xfrm>
          <a:prstGeom prst="rect">
            <a:avLst/>
          </a:prstGeom>
        </p:spPr>
      </p:pic>
    </p:spTree>
    <p:extLst>
      <p:ext uri="{BB962C8B-B14F-4D97-AF65-F5344CB8AC3E}">
        <p14:creationId xmlns:p14="http://schemas.microsoft.com/office/powerpoint/2010/main" val="317337530"/>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In-Memory Computing</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3" name="図 2">
            <a:extLst>
              <a:ext uri="{FF2B5EF4-FFF2-40B4-BE49-F238E27FC236}">
                <a16:creationId xmlns:a16="http://schemas.microsoft.com/office/drawing/2014/main" id="{5C57CAEA-5E0A-B6EB-8C19-E5BE2F3F0901}"/>
              </a:ext>
            </a:extLst>
          </p:cNvPr>
          <p:cNvPicPr>
            <a:picLocks noChangeAspect="1"/>
          </p:cNvPicPr>
          <p:nvPr/>
        </p:nvPicPr>
        <p:blipFill>
          <a:blip r:embed="rId2"/>
          <a:stretch>
            <a:fillRect/>
          </a:stretch>
        </p:blipFill>
        <p:spPr>
          <a:xfrm>
            <a:off x="430751" y="589545"/>
            <a:ext cx="11018142" cy="5967003"/>
          </a:xfrm>
          <a:prstGeom prst="rect">
            <a:avLst/>
          </a:prstGeom>
        </p:spPr>
      </p:pic>
    </p:spTree>
    <p:extLst>
      <p:ext uri="{BB962C8B-B14F-4D97-AF65-F5344CB8AC3E}">
        <p14:creationId xmlns:p14="http://schemas.microsoft.com/office/powerpoint/2010/main" val="2419162467"/>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In-Memory Computing</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4" name="図 3">
            <a:extLst>
              <a:ext uri="{FF2B5EF4-FFF2-40B4-BE49-F238E27FC236}">
                <a16:creationId xmlns:a16="http://schemas.microsoft.com/office/drawing/2014/main" id="{8625D48C-6B99-59D5-A114-2DDF5EB28964}"/>
              </a:ext>
            </a:extLst>
          </p:cNvPr>
          <p:cNvPicPr>
            <a:picLocks noChangeAspect="1"/>
          </p:cNvPicPr>
          <p:nvPr/>
        </p:nvPicPr>
        <p:blipFill>
          <a:blip r:embed="rId2"/>
          <a:stretch>
            <a:fillRect/>
          </a:stretch>
        </p:blipFill>
        <p:spPr>
          <a:xfrm>
            <a:off x="52900" y="548166"/>
            <a:ext cx="12023332" cy="5905534"/>
          </a:xfrm>
          <a:prstGeom prst="rect">
            <a:avLst/>
          </a:prstGeom>
        </p:spPr>
      </p:pic>
      <p:sp>
        <p:nvSpPr>
          <p:cNvPr id="6" name="テキスト ボックス 5">
            <a:extLst>
              <a:ext uri="{FF2B5EF4-FFF2-40B4-BE49-F238E27FC236}">
                <a16:creationId xmlns:a16="http://schemas.microsoft.com/office/drawing/2014/main" id="{69052FBE-9674-F143-F30D-EF1D92B958C5}"/>
              </a:ext>
            </a:extLst>
          </p:cNvPr>
          <p:cNvSpPr txBox="1"/>
          <p:nvPr/>
        </p:nvSpPr>
        <p:spPr>
          <a:xfrm rot="20246422">
            <a:off x="418399" y="3386809"/>
            <a:ext cx="10721163" cy="923330"/>
          </a:xfrm>
          <a:prstGeom prst="rect">
            <a:avLst/>
          </a:prstGeom>
          <a:noFill/>
        </p:spPr>
        <p:txBody>
          <a:bodyPr wrap="square">
            <a:spAutoFit/>
          </a:bodyPr>
          <a:lstStyle/>
          <a:p>
            <a:r>
              <a:rPr lang="ja-JP" altLang="en-US" b="1" i="0" dirty="0">
                <a:solidFill>
                  <a:srgbClr val="C00000"/>
                </a:solidFill>
                <a:effectLst/>
                <a:latin typeface="BIZ UDPゴシック" panose="020B0400000000000000" pitchFamily="50" charset="-128"/>
                <a:ea typeface="BIZ UDPゴシック" panose="020B0400000000000000" pitchFamily="50" charset="-128"/>
              </a:rPr>
              <a:t>理屈で言えば</a:t>
            </a:r>
            <a:r>
              <a:rPr lang="en-US" altLang="ja-JP" b="1" i="0" dirty="0">
                <a:solidFill>
                  <a:srgbClr val="C00000"/>
                </a:solidFill>
                <a:effectLst/>
                <a:latin typeface="BIZ UDPゴシック" panose="020B0400000000000000" pitchFamily="50" charset="-128"/>
                <a:ea typeface="BIZ UDPゴシック" panose="020B0400000000000000" pitchFamily="50" charset="-128"/>
              </a:rPr>
              <a:t>DAC(Digital Analog Converter)</a:t>
            </a:r>
            <a:r>
              <a:rPr lang="ja-JP" altLang="en-US" b="1" i="0" dirty="0">
                <a:solidFill>
                  <a:srgbClr val="C00000"/>
                </a:solidFill>
                <a:effectLst/>
                <a:latin typeface="BIZ UDPゴシック" panose="020B0400000000000000" pitchFamily="50" charset="-128"/>
                <a:ea typeface="BIZ UDPゴシック" panose="020B0400000000000000" pitchFamily="50" charset="-128"/>
              </a:rPr>
              <a:t>でデジタル信号を、これに比例したアナログ電圧に変換。計算処理後に</a:t>
            </a:r>
            <a:r>
              <a:rPr lang="en-US" altLang="ja-JP" b="1" i="0" dirty="0">
                <a:solidFill>
                  <a:srgbClr val="C00000"/>
                </a:solidFill>
                <a:effectLst/>
                <a:latin typeface="BIZ UDPゴシック" panose="020B0400000000000000" pitchFamily="50" charset="-128"/>
                <a:ea typeface="BIZ UDPゴシック" panose="020B0400000000000000" pitchFamily="50" charset="-128"/>
              </a:rPr>
              <a:t>ADC(Analog Digital Converter)</a:t>
            </a:r>
            <a:r>
              <a:rPr lang="ja-JP" altLang="en-US" b="1" i="0" dirty="0">
                <a:solidFill>
                  <a:srgbClr val="C00000"/>
                </a:solidFill>
                <a:effectLst/>
                <a:latin typeface="BIZ UDPゴシック" panose="020B0400000000000000" pitchFamily="50" charset="-128"/>
                <a:ea typeface="BIZ UDPゴシック" panose="020B0400000000000000" pitchFamily="50" charset="-128"/>
              </a:rPr>
              <a:t>経由でデジタル信号に戻すだけだが、やはりここで多少誤差が出るのは避けられないので、エラー補正回路などは必要になる</a:t>
            </a:r>
            <a:endParaRPr lang="ja-JP" altLang="en-US" b="1" dirty="0">
              <a:solidFill>
                <a:srgbClr val="C00000"/>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4235699204"/>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In-Memory Computing</a:t>
            </a:r>
            <a:endParaRPr kumimoji="1" lang="ja-JP" altLang="en-US" sz="2400" b="1" dirty="0">
              <a:latin typeface="BIZ UDPゴシック" panose="020B0400000000000000" pitchFamily="50" charset="-128"/>
              <a:ea typeface="BIZ UDPゴシック" panose="020B0400000000000000" pitchFamily="50" charset="-128"/>
            </a:endParaRPr>
          </a:p>
        </p:txBody>
      </p:sp>
      <p:sp>
        <p:nvSpPr>
          <p:cNvPr id="6" name="テキスト ボックス 5">
            <a:extLst>
              <a:ext uri="{FF2B5EF4-FFF2-40B4-BE49-F238E27FC236}">
                <a16:creationId xmlns:a16="http://schemas.microsoft.com/office/drawing/2014/main" id="{69052FBE-9674-F143-F30D-EF1D92B958C5}"/>
              </a:ext>
            </a:extLst>
          </p:cNvPr>
          <p:cNvSpPr txBox="1"/>
          <p:nvPr/>
        </p:nvSpPr>
        <p:spPr>
          <a:xfrm>
            <a:off x="478855" y="817421"/>
            <a:ext cx="10721163" cy="5355312"/>
          </a:xfrm>
          <a:prstGeom prst="rect">
            <a:avLst/>
          </a:prstGeom>
          <a:noFill/>
        </p:spPr>
        <p:txBody>
          <a:bodyPr wrap="square">
            <a:spAutoFit/>
          </a:bodyPr>
          <a:lstStyle/>
          <a:p>
            <a:r>
              <a:rPr lang="en-US" altLang="ja-JP" b="0" i="0" dirty="0">
                <a:solidFill>
                  <a:srgbClr val="000000"/>
                </a:solidFill>
                <a:effectLst/>
                <a:latin typeface="HiraKakuProN-W3"/>
              </a:rPr>
              <a:t>AI</a:t>
            </a:r>
            <a:r>
              <a:rPr lang="ja-JP" altLang="en-US" b="0" i="0" dirty="0">
                <a:solidFill>
                  <a:srgbClr val="000000"/>
                </a:solidFill>
                <a:effectLst/>
                <a:latin typeface="HiraKakuProN-W3"/>
              </a:rPr>
              <a:t>処理の大半は</a:t>
            </a:r>
            <a:r>
              <a:rPr lang="en-US" altLang="ja-JP" b="0" i="0" dirty="0">
                <a:solidFill>
                  <a:srgbClr val="000000"/>
                </a:solidFill>
                <a:effectLst/>
                <a:latin typeface="HiraKakuProN-W3"/>
              </a:rPr>
              <a:t>MAC(Multiply-Accumulation)</a:t>
            </a:r>
            <a:r>
              <a:rPr lang="ja-JP" altLang="en-US" b="0" i="0" dirty="0">
                <a:solidFill>
                  <a:srgbClr val="000000"/>
                </a:solidFill>
                <a:effectLst/>
                <a:latin typeface="HiraKakuProN-W3"/>
              </a:rPr>
              <a:t>演算というのはこれまでも何度か説明した通り。畳み込みのほとんどが</a:t>
            </a:r>
            <a:r>
              <a:rPr lang="en-US" altLang="ja-JP" b="0" i="0" dirty="0">
                <a:solidFill>
                  <a:srgbClr val="000000"/>
                </a:solidFill>
                <a:effectLst/>
                <a:latin typeface="HiraKakuProN-W3"/>
              </a:rPr>
              <a:t>MAC</a:t>
            </a:r>
            <a:r>
              <a:rPr lang="ja-JP" altLang="en-US" b="0" i="0" dirty="0">
                <a:solidFill>
                  <a:srgbClr val="000000"/>
                </a:solidFill>
                <a:effectLst/>
                <a:latin typeface="HiraKakuProN-W3"/>
              </a:rPr>
              <a:t>演算なので、これを高速化するだけで大幅に性能が上がる。</a:t>
            </a:r>
            <a:endParaRPr lang="en-US" altLang="ja-JP" b="0" i="0" dirty="0">
              <a:solidFill>
                <a:srgbClr val="000000"/>
              </a:solidFill>
              <a:effectLst/>
              <a:latin typeface="HiraKakuProN-W3"/>
            </a:endParaRPr>
          </a:p>
          <a:p>
            <a:endParaRPr lang="en-US" altLang="ja-JP" dirty="0">
              <a:solidFill>
                <a:srgbClr val="000000"/>
              </a:solidFill>
              <a:latin typeface="HiraKakuProN-W3"/>
              <a:ea typeface="BIZ UDPゴシック" panose="020B0400000000000000" pitchFamily="50" charset="-128"/>
            </a:endParaRPr>
          </a:p>
          <a:p>
            <a:pPr algn="l"/>
            <a:r>
              <a:rPr lang="en-US" altLang="ja-JP" b="0" i="0" dirty="0">
                <a:solidFill>
                  <a:srgbClr val="000000"/>
                </a:solidFill>
                <a:effectLst/>
                <a:latin typeface="HiraKakuProN-W3"/>
              </a:rPr>
              <a:t>MAC</a:t>
            </a:r>
            <a:r>
              <a:rPr lang="ja-JP" altLang="en-US" b="0" i="0" dirty="0">
                <a:solidFill>
                  <a:srgbClr val="000000"/>
                </a:solidFill>
                <a:effectLst/>
                <a:latin typeface="HiraKakuProN-W3"/>
              </a:rPr>
              <a:t>演算というのは要するに</a:t>
            </a:r>
            <a:r>
              <a:rPr lang="en-US" altLang="ja-JP" b="0" i="0" dirty="0">
                <a:solidFill>
                  <a:srgbClr val="000000"/>
                </a:solidFill>
                <a:effectLst/>
                <a:latin typeface="HiraKakuProN-W3"/>
              </a:rPr>
              <a:t>Y</a:t>
            </a:r>
            <a:r>
              <a:rPr lang="ja-JP" altLang="en-US" b="0" i="0" dirty="0">
                <a:solidFill>
                  <a:srgbClr val="000000"/>
                </a:solidFill>
                <a:effectLst/>
                <a:latin typeface="HiraKakuProN-W3"/>
              </a:rPr>
              <a:t>＝</a:t>
            </a:r>
            <a:r>
              <a:rPr lang="en-US" altLang="ja-JP" b="0" i="0" dirty="0">
                <a:solidFill>
                  <a:srgbClr val="000000"/>
                </a:solidFill>
                <a:effectLst/>
                <a:latin typeface="HiraKakuProN-W3"/>
              </a:rPr>
              <a:t>A×X</a:t>
            </a:r>
            <a:r>
              <a:rPr lang="ja-JP" altLang="en-US" b="0" i="0" dirty="0">
                <a:solidFill>
                  <a:srgbClr val="000000"/>
                </a:solidFill>
                <a:effectLst/>
                <a:latin typeface="HiraKakuProN-W3"/>
              </a:rPr>
              <a:t>＋</a:t>
            </a:r>
            <a:r>
              <a:rPr lang="en-US" altLang="ja-JP" b="0" i="0" dirty="0">
                <a:solidFill>
                  <a:srgbClr val="000000"/>
                </a:solidFill>
                <a:effectLst/>
                <a:latin typeface="HiraKakuProN-W3"/>
              </a:rPr>
              <a:t>B</a:t>
            </a:r>
            <a:r>
              <a:rPr lang="ja-JP" altLang="en-US" b="0" i="0" dirty="0">
                <a:solidFill>
                  <a:srgbClr val="000000"/>
                </a:solidFill>
                <a:effectLst/>
                <a:latin typeface="HiraKakuProN-W3"/>
              </a:rPr>
              <a:t>である。ここで</a:t>
            </a:r>
            <a:r>
              <a:rPr lang="en-US" altLang="ja-JP" b="0" i="0" dirty="0">
                <a:solidFill>
                  <a:srgbClr val="000000"/>
                </a:solidFill>
                <a:effectLst/>
                <a:latin typeface="HiraKakuProN-W3"/>
              </a:rPr>
              <a:t>A</a:t>
            </a:r>
            <a:r>
              <a:rPr lang="ja-JP" altLang="en-US" b="0" i="0" dirty="0">
                <a:solidFill>
                  <a:srgbClr val="000000"/>
                </a:solidFill>
                <a:effectLst/>
                <a:latin typeface="HiraKakuProN-W3"/>
              </a:rPr>
              <a:t>が係数</a:t>
            </a:r>
            <a:r>
              <a:rPr lang="en-US" altLang="ja-JP" b="0" i="0" dirty="0">
                <a:solidFill>
                  <a:srgbClr val="000000"/>
                </a:solidFill>
                <a:effectLst/>
                <a:latin typeface="HiraKakuProN-W3"/>
              </a:rPr>
              <a:t>(</a:t>
            </a:r>
            <a:r>
              <a:rPr lang="ja-JP" altLang="en-US" b="0" i="0" dirty="0">
                <a:solidFill>
                  <a:srgbClr val="000000"/>
                </a:solidFill>
                <a:effectLst/>
                <a:latin typeface="HiraKakuProN-W3"/>
              </a:rPr>
              <a:t>畳み込みニューラルネットワークならウエイトにあたる</a:t>
            </a:r>
            <a:r>
              <a:rPr lang="en-US" altLang="ja-JP" b="0" i="0" dirty="0">
                <a:solidFill>
                  <a:srgbClr val="000000"/>
                </a:solidFill>
                <a:effectLst/>
                <a:latin typeface="HiraKakuProN-W3"/>
              </a:rPr>
              <a:t>)</a:t>
            </a:r>
            <a:r>
              <a:rPr lang="ja-JP" altLang="en-US" b="0" i="0" dirty="0">
                <a:solidFill>
                  <a:srgbClr val="000000"/>
                </a:solidFill>
                <a:effectLst/>
                <a:latin typeface="HiraKakuProN-W3"/>
              </a:rPr>
              <a:t>、</a:t>
            </a:r>
            <a:r>
              <a:rPr lang="en-US" altLang="ja-JP" b="0" i="0" dirty="0">
                <a:solidFill>
                  <a:srgbClr val="000000"/>
                </a:solidFill>
                <a:effectLst/>
                <a:latin typeface="HiraKakuProN-W3"/>
              </a:rPr>
              <a:t>B</a:t>
            </a:r>
            <a:r>
              <a:rPr lang="ja-JP" altLang="en-US" b="0" i="0" dirty="0">
                <a:solidFill>
                  <a:srgbClr val="000000"/>
                </a:solidFill>
                <a:effectLst/>
                <a:latin typeface="HiraKakuProN-W3"/>
              </a:rPr>
              <a:t>がオフセットである。ところでこの</a:t>
            </a:r>
            <a:r>
              <a:rPr lang="en-US" altLang="ja-JP" b="0" i="0" dirty="0">
                <a:solidFill>
                  <a:srgbClr val="000000"/>
                </a:solidFill>
                <a:effectLst/>
                <a:latin typeface="HiraKakuProN-W3"/>
              </a:rPr>
              <a:t>A</a:t>
            </a:r>
            <a:r>
              <a:rPr lang="ja-JP" altLang="en-US" b="0" i="0" dirty="0">
                <a:solidFill>
                  <a:srgbClr val="000000"/>
                </a:solidFill>
                <a:effectLst/>
                <a:latin typeface="HiraKakuProN-W3"/>
              </a:rPr>
              <a:t>だが、メモリスタはセル</a:t>
            </a:r>
            <a:r>
              <a:rPr lang="en-US" altLang="ja-JP" b="0" i="0" dirty="0">
                <a:solidFill>
                  <a:srgbClr val="000000"/>
                </a:solidFill>
                <a:effectLst/>
                <a:latin typeface="HiraKakuProN-W3"/>
              </a:rPr>
              <a:t>1</a:t>
            </a:r>
            <a:r>
              <a:rPr lang="ja-JP" altLang="en-US" b="0" i="0" dirty="0">
                <a:solidFill>
                  <a:srgbClr val="000000"/>
                </a:solidFill>
                <a:effectLst/>
                <a:latin typeface="HiraKakuProN-W3"/>
              </a:rPr>
              <a:t>つで</a:t>
            </a:r>
            <a:r>
              <a:rPr lang="en-US" altLang="ja-JP" b="0" i="0" dirty="0">
                <a:solidFill>
                  <a:srgbClr val="000000"/>
                </a:solidFill>
                <a:effectLst/>
                <a:latin typeface="HiraKakuProN-W3"/>
              </a:rPr>
              <a:t>11bit</a:t>
            </a:r>
            <a:r>
              <a:rPr lang="ja-JP" altLang="en-US" b="0" i="0" dirty="0">
                <a:solidFill>
                  <a:srgbClr val="000000"/>
                </a:solidFill>
                <a:effectLst/>
                <a:latin typeface="HiraKakuProN-W3"/>
              </a:rPr>
              <a:t>分</a:t>
            </a:r>
            <a:r>
              <a:rPr lang="en-US" altLang="ja-JP" b="0" i="0" dirty="0">
                <a:solidFill>
                  <a:srgbClr val="000000"/>
                </a:solidFill>
                <a:effectLst/>
                <a:latin typeface="HiraKakuProN-W3"/>
              </a:rPr>
              <a:t>(2048</a:t>
            </a:r>
            <a:r>
              <a:rPr lang="ja-JP" altLang="en-US" b="0" i="0" dirty="0">
                <a:solidFill>
                  <a:srgbClr val="000000"/>
                </a:solidFill>
                <a:effectLst/>
                <a:latin typeface="HiraKakuProN-W3"/>
              </a:rPr>
              <a:t>段階</a:t>
            </a:r>
            <a:r>
              <a:rPr lang="en-US" altLang="ja-JP" b="0" i="0" dirty="0">
                <a:solidFill>
                  <a:srgbClr val="000000"/>
                </a:solidFill>
                <a:effectLst/>
                <a:latin typeface="HiraKakuProN-W3"/>
              </a:rPr>
              <a:t>)</a:t>
            </a:r>
            <a:r>
              <a:rPr lang="ja-JP" altLang="en-US" b="0" i="0" dirty="0">
                <a:solidFill>
                  <a:srgbClr val="000000"/>
                </a:solidFill>
                <a:effectLst/>
                <a:latin typeface="HiraKakuProN-W3"/>
              </a:rPr>
              <a:t>の記憶レベルを持つ。なので、ウエイトの値をメモリスタに記憶しておけば良い。</a:t>
            </a:r>
          </a:p>
          <a:p>
            <a:pPr algn="l"/>
            <a:r>
              <a:rPr lang="ja-JP" altLang="en-US" b="0" i="0" dirty="0">
                <a:solidFill>
                  <a:srgbClr val="000000"/>
                </a:solidFill>
                <a:effectLst/>
                <a:latin typeface="HiraKakuProN-W3"/>
              </a:rPr>
              <a:t>　メモリスタは先に書いたように「流れる電流に応じて抵抗値が変わる」ので、逆に記憶を固定しておけば「一定の電圧をかけた際に流れる電流が、その記憶の値によって決まる」ことになる。したがって、</a:t>
            </a:r>
            <a:r>
              <a:rPr lang="en-US" altLang="ja-JP" b="0" i="0" dirty="0">
                <a:solidFill>
                  <a:srgbClr val="000000"/>
                </a:solidFill>
                <a:effectLst/>
                <a:latin typeface="HiraKakuProN-W3"/>
              </a:rPr>
              <a:t>X(</a:t>
            </a:r>
            <a:r>
              <a:rPr lang="ja-JP" altLang="en-US" b="0" i="0" dirty="0">
                <a:solidFill>
                  <a:srgbClr val="000000"/>
                </a:solidFill>
                <a:effectLst/>
                <a:latin typeface="HiraKakuProN-W3"/>
              </a:rPr>
              <a:t>つまり入力値</a:t>
            </a:r>
            <a:r>
              <a:rPr lang="en-US" altLang="ja-JP" b="0" i="0" dirty="0">
                <a:solidFill>
                  <a:srgbClr val="000000"/>
                </a:solidFill>
                <a:effectLst/>
                <a:latin typeface="HiraKakuProN-W3"/>
              </a:rPr>
              <a:t>)</a:t>
            </a:r>
            <a:r>
              <a:rPr lang="ja-JP" altLang="en-US" b="0" i="0" dirty="0">
                <a:solidFill>
                  <a:srgbClr val="000000"/>
                </a:solidFill>
                <a:effectLst/>
                <a:latin typeface="HiraKakuProN-W3"/>
              </a:rPr>
              <a:t>に比例した電圧</a:t>
            </a:r>
            <a:r>
              <a:rPr lang="en-US" altLang="ja-JP" b="0" i="0" dirty="0">
                <a:solidFill>
                  <a:srgbClr val="000000"/>
                </a:solidFill>
                <a:effectLst/>
                <a:latin typeface="HiraKakuProN-W3"/>
              </a:rPr>
              <a:t>E</a:t>
            </a:r>
            <a:r>
              <a:rPr lang="ja-JP" altLang="en-US" b="0" i="0" dirty="0">
                <a:solidFill>
                  <a:srgbClr val="000000"/>
                </a:solidFill>
                <a:effectLst/>
                <a:latin typeface="HiraKakuProN-W3"/>
              </a:rPr>
              <a:t>をかけた場合、流れる電流値はオームの法則により以下のように計算する。</a:t>
            </a:r>
          </a:p>
          <a:p>
            <a:pPr algn="l"/>
            <a:r>
              <a:rPr lang="en-US" altLang="ja-JP" b="1" i="0" dirty="0">
                <a:solidFill>
                  <a:srgbClr val="000000"/>
                </a:solidFill>
                <a:effectLst/>
                <a:latin typeface="HiraKakuProN-W3"/>
              </a:rPr>
              <a:t>I</a:t>
            </a:r>
            <a:r>
              <a:rPr lang="ja-JP" altLang="en-US" b="1" i="0" dirty="0">
                <a:solidFill>
                  <a:srgbClr val="000000"/>
                </a:solidFill>
                <a:effectLst/>
                <a:latin typeface="HiraKakuProN-W3"/>
              </a:rPr>
              <a:t>＝</a:t>
            </a:r>
            <a:r>
              <a:rPr lang="en-US" altLang="ja-JP" b="1" i="0" dirty="0">
                <a:solidFill>
                  <a:srgbClr val="000000"/>
                </a:solidFill>
                <a:effectLst/>
                <a:latin typeface="HiraKakuProN-W3"/>
              </a:rPr>
              <a:t>E÷R(R:</a:t>
            </a:r>
            <a:r>
              <a:rPr lang="ja-JP" altLang="en-US" b="1" i="0" dirty="0">
                <a:solidFill>
                  <a:srgbClr val="000000"/>
                </a:solidFill>
                <a:effectLst/>
                <a:latin typeface="HiraKakuProN-W3"/>
              </a:rPr>
              <a:t>メモリスタの抵抗値</a:t>
            </a:r>
            <a:r>
              <a:rPr lang="en-US" altLang="ja-JP" b="1" i="0" dirty="0">
                <a:solidFill>
                  <a:srgbClr val="000000"/>
                </a:solidFill>
                <a:effectLst/>
                <a:latin typeface="HiraKakuProN-W3"/>
              </a:rPr>
              <a:t>)</a:t>
            </a:r>
            <a:endParaRPr lang="ja-JP" altLang="en-US" b="0" i="0" dirty="0">
              <a:solidFill>
                <a:srgbClr val="000000"/>
              </a:solidFill>
              <a:effectLst/>
              <a:latin typeface="HiraKakuProN-W3"/>
            </a:endParaRPr>
          </a:p>
          <a:p>
            <a:pPr algn="l"/>
            <a:r>
              <a:rPr lang="ja-JP" altLang="en-US" b="0" i="0" dirty="0">
                <a:solidFill>
                  <a:srgbClr val="000000"/>
                </a:solidFill>
                <a:effectLst/>
                <a:latin typeface="HiraKakuProN-W3"/>
              </a:rPr>
              <a:t>　ここで</a:t>
            </a:r>
            <a:r>
              <a:rPr lang="en-US" altLang="ja-JP" b="0" i="0" dirty="0">
                <a:solidFill>
                  <a:srgbClr val="000000"/>
                </a:solidFill>
                <a:effectLst/>
                <a:latin typeface="HiraKakuProN-W3"/>
              </a:rPr>
              <a:t>R</a:t>
            </a:r>
            <a:r>
              <a:rPr lang="ja-JP" altLang="en-US" b="0" i="0" dirty="0">
                <a:solidFill>
                  <a:srgbClr val="000000"/>
                </a:solidFill>
                <a:effectLst/>
                <a:latin typeface="HiraKakuProN-W3"/>
              </a:rPr>
              <a:t>の値を</a:t>
            </a:r>
            <a:r>
              <a:rPr lang="en-US" altLang="ja-JP" b="0" i="0" dirty="0">
                <a:solidFill>
                  <a:srgbClr val="000000"/>
                </a:solidFill>
                <a:effectLst/>
                <a:latin typeface="HiraKakuProN-W3"/>
              </a:rPr>
              <a:t>1÷</a:t>
            </a:r>
            <a:r>
              <a:rPr lang="ja-JP" altLang="en-US" b="0" i="0" dirty="0">
                <a:solidFill>
                  <a:srgbClr val="000000"/>
                </a:solidFill>
                <a:effectLst/>
                <a:latin typeface="HiraKakuProN-W3"/>
              </a:rPr>
              <a:t>ウエイトとなるように設定すれば、以下のようになる。</a:t>
            </a:r>
          </a:p>
          <a:p>
            <a:pPr algn="l"/>
            <a:r>
              <a:rPr lang="en-US" altLang="ja-JP" b="1" i="0" dirty="0">
                <a:solidFill>
                  <a:srgbClr val="000000"/>
                </a:solidFill>
                <a:effectLst/>
                <a:latin typeface="HiraKakuProN-W3"/>
              </a:rPr>
              <a:t>I</a:t>
            </a:r>
            <a:r>
              <a:rPr lang="ja-JP" altLang="en-US" b="1" i="0" dirty="0">
                <a:solidFill>
                  <a:srgbClr val="000000"/>
                </a:solidFill>
                <a:effectLst/>
                <a:latin typeface="HiraKakuProN-W3"/>
              </a:rPr>
              <a:t>＝</a:t>
            </a:r>
            <a:r>
              <a:rPr lang="en-US" altLang="ja-JP" b="1" i="0" dirty="0">
                <a:solidFill>
                  <a:srgbClr val="000000"/>
                </a:solidFill>
                <a:effectLst/>
                <a:latin typeface="HiraKakuProN-W3"/>
              </a:rPr>
              <a:t>E×</a:t>
            </a:r>
            <a:r>
              <a:rPr lang="ja-JP" altLang="en-US" b="1" i="0" dirty="0">
                <a:solidFill>
                  <a:srgbClr val="000000"/>
                </a:solidFill>
                <a:effectLst/>
                <a:latin typeface="HiraKakuProN-W3"/>
              </a:rPr>
              <a:t>ウエイト</a:t>
            </a:r>
            <a:endParaRPr lang="ja-JP" altLang="en-US" b="0" i="0" dirty="0">
              <a:solidFill>
                <a:srgbClr val="000000"/>
              </a:solidFill>
              <a:effectLst/>
              <a:latin typeface="HiraKakuProN-W3"/>
            </a:endParaRPr>
          </a:p>
          <a:p>
            <a:pPr algn="l"/>
            <a:r>
              <a:rPr lang="ja-JP" altLang="en-US" b="0" i="0" dirty="0">
                <a:solidFill>
                  <a:srgbClr val="000000"/>
                </a:solidFill>
                <a:effectLst/>
                <a:latin typeface="HiraKakuProN-W3"/>
              </a:rPr>
              <a:t>　</a:t>
            </a:r>
            <a:r>
              <a:rPr lang="en-US" altLang="ja-JP" b="0" i="0" dirty="0">
                <a:solidFill>
                  <a:srgbClr val="000000"/>
                </a:solidFill>
                <a:effectLst/>
                <a:latin typeface="HiraKakuProN-W3"/>
              </a:rPr>
              <a:t>E</a:t>
            </a:r>
            <a:r>
              <a:rPr lang="ja-JP" altLang="en-US" b="0" i="0" dirty="0">
                <a:solidFill>
                  <a:srgbClr val="000000"/>
                </a:solidFill>
                <a:effectLst/>
                <a:latin typeface="HiraKakuProN-W3"/>
              </a:rPr>
              <a:t>が入力値であればこれで自動的に</a:t>
            </a:r>
            <a:r>
              <a:rPr lang="en-US" altLang="ja-JP" b="0" i="0" dirty="0">
                <a:solidFill>
                  <a:srgbClr val="000000"/>
                </a:solidFill>
                <a:effectLst/>
                <a:latin typeface="HiraKakuProN-W3"/>
              </a:rPr>
              <a:t>MAC</a:t>
            </a:r>
            <a:r>
              <a:rPr lang="ja-JP" altLang="en-US" b="0" i="0" dirty="0">
                <a:solidFill>
                  <a:srgbClr val="000000"/>
                </a:solidFill>
                <a:effectLst/>
                <a:latin typeface="HiraKakuProN-W3"/>
              </a:rPr>
              <a:t>演算の前半の乗算が完了する。あとは</a:t>
            </a:r>
            <a:r>
              <a:rPr lang="en-US" altLang="ja-JP" b="0" i="0" dirty="0">
                <a:solidFill>
                  <a:srgbClr val="000000"/>
                </a:solidFill>
                <a:effectLst/>
                <a:latin typeface="HiraKakuProN-W3"/>
              </a:rPr>
              <a:t>B</a:t>
            </a:r>
            <a:r>
              <a:rPr lang="ja-JP" altLang="en-US" b="0" i="0" dirty="0">
                <a:solidFill>
                  <a:srgbClr val="000000"/>
                </a:solidFill>
                <a:effectLst/>
                <a:latin typeface="HiraKakuProN-W3"/>
              </a:rPr>
              <a:t>の分のオフセットを足してやれば、</a:t>
            </a:r>
            <a:r>
              <a:rPr lang="en-US" altLang="ja-JP" b="0" i="0" dirty="0">
                <a:solidFill>
                  <a:srgbClr val="000000"/>
                </a:solidFill>
                <a:effectLst/>
                <a:latin typeface="HiraKakuProN-W3"/>
              </a:rPr>
              <a:t>MAC</a:t>
            </a:r>
            <a:r>
              <a:rPr lang="ja-JP" altLang="en-US" b="0" i="0" dirty="0">
                <a:solidFill>
                  <a:srgbClr val="000000"/>
                </a:solidFill>
                <a:effectLst/>
                <a:latin typeface="HiraKakuProN-W3"/>
              </a:rPr>
              <a:t>演算が完了するというわけだ。</a:t>
            </a:r>
          </a:p>
          <a:p>
            <a:pPr algn="l"/>
            <a:r>
              <a:rPr lang="ja-JP" altLang="en-US" b="0" i="0" dirty="0">
                <a:solidFill>
                  <a:srgbClr val="000000"/>
                </a:solidFill>
                <a:effectLst/>
                <a:latin typeface="HiraKakuProN-W3"/>
              </a:rPr>
              <a:t>　この仕組みは、</a:t>
            </a:r>
            <a:r>
              <a:rPr lang="en-US" altLang="ja-JP" b="0" i="0" u="sng" dirty="0">
                <a:solidFill>
                  <a:srgbClr val="003377"/>
                </a:solidFill>
                <a:effectLst/>
                <a:latin typeface="HiraKakuProN-W3"/>
                <a:hlinkClick r:id="rId2"/>
              </a:rPr>
              <a:t>Mythic</a:t>
            </a:r>
            <a:r>
              <a:rPr lang="ja-JP" altLang="en-US" b="0" i="0" u="sng" dirty="0">
                <a:solidFill>
                  <a:srgbClr val="003377"/>
                </a:solidFill>
                <a:effectLst/>
                <a:latin typeface="HiraKakuProN-W3"/>
                <a:hlinkClick r:id="rId2"/>
              </a:rPr>
              <a:t>の</a:t>
            </a:r>
            <a:r>
              <a:rPr lang="en-US" altLang="ja-JP" b="0" i="0" u="sng" dirty="0">
                <a:solidFill>
                  <a:srgbClr val="003377"/>
                </a:solidFill>
                <a:effectLst/>
                <a:latin typeface="HiraKakuProN-W3"/>
                <a:hlinkClick r:id="rId2"/>
              </a:rPr>
              <a:t>NAND</a:t>
            </a:r>
            <a:r>
              <a:rPr lang="ja-JP" altLang="en-US" b="0" i="0" u="sng" dirty="0">
                <a:solidFill>
                  <a:srgbClr val="003377"/>
                </a:solidFill>
                <a:effectLst/>
                <a:latin typeface="HiraKakuProN-W3"/>
                <a:hlinkClick r:id="rId2"/>
              </a:rPr>
              <a:t>フラッシュを使った場合</a:t>
            </a:r>
            <a:r>
              <a:rPr lang="ja-JP" altLang="en-US" b="0" i="0" dirty="0">
                <a:solidFill>
                  <a:srgbClr val="000000"/>
                </a:solidFill>
                <a:effectLst/>
                <a:latin typeface="HiraKakuProN-W3"/>
              </a:rPr>
              <a:t>とまったく同じである。異なるのは、</a:t>
            </a:r>
            <a:r>
              <a:rPr lang="en-US" altLang="ja-JP" b="0" i="0" dirty="0">
                <a:solidFill>
                  <a:srgbClr val="000000"/>
                </a:solidFill>
                <a:effectLst/>
                <a:latin typeface="HiraKakuProN-W3"/>
              </a:rPr>
              <a:t>Mythic</a:t>
            </a:r>
            <a:r>
              <a:rPr lang="ja-JP" altLang="en-US" b="0" i="0" dirty="0">
                <a:solidFill>
                  <a:srgbClr val="000000"/>
                </a:solidFill>
                <a:effectLst/>
                <a:latin typeface="HiraKakuProN-W3"/>
              </a:rPr>
              <a:t>の場合は</a:t>
            </a:r>
            <a:r>
              <a:rPr lang="en-US" altLang="ja-JP" b="0" i="0" dirty="0">
                <a:solidFill>
                  <a:srgbClr val="000000"/>
                </a:solidFill>
                <a:effectLst/>
                <a:latin typeface="HiraKakuProN-W3"/>
              </a:rPr>
              <a:t>8bit</a:t>
            </a:r>
            <a:r>
              <a:rPr lang="ja-JP" altLang="en-US" b="0" i="0" dirty="0">
                <a:solidFill>
                  <a:srgbClr val="000000"/>
                </a:solidFill>
                <a:effectLst/>
                <a:latin typeface="HiraKakuProN-W3"/>
              </a:rPr>
              <a:t>分の記憶を</a:t>
            </a:r>
            <a:r>
              <a:rPr lang="en-US" altLang="ja-JP" b="0" i="0" dirty="0">
                <a:solidFill>
                  <a:srgbClr val="000000"/>
                </a:solidFill>
                <a:effectLst/>
                <a:latin typeface="HiraKakuProN-W3"/>
              </a:rPr>
              <a:t>1</a:t>
            </a:r>
            <a:r>
              <a:rPr lang="ja-JP" altLang="en-US" b="0" i="0" dirty="0">
                <a:solidFill>
                  <a:srgbClr val="000000"/>
                </a:solidFill>
                <a:effectLst/>
                <a:latin typeface="HiraKakuProN-W3"/>
              </a:rPr>
              <a:t>つの</a:t>
            </a:r>
            <a:r>
              <a:rPr lang="en-US" altLang="ja-JP" b="0" i="0" dirty="0">
                <a:solidFill>
                  <a:srgbClr val="000000"/>
                </a:solidFill>
                <a:effectLst/>
                <a:latin typeface="HiraKakuProN-W3"/>
              </a:rPr>
              <a:t>NAND</a:t>
            </a:r>
            <a:r>
              <a:rPr lang="ja-JP" altLang="en-US" b="0" i="0" dirty="0">
                <a:solidFill>
                  <a:srgbClr val="000000"/>
                </a:solidFill>
                <a:effectLst/>
                <a:latin typeface="HiraKakuProN-W3"/>
              </a:rPr>
              <a:t>フラッシュセルでは保持しきれずに</a:t>
            </a:r>
            <a:r>
              <a:rPr lang="en-US" altLang="ja-JP" b="0" i="0" dirty="0">
                <a:solidFill>
                  <a:srgbClr val="000000"/>
                </a:solidFill>
                <a:effectLst/>
                <a:latin typeface="HiraKakuProN-W3"/>
              </a:rPr>
              <a:t>2</a:t>
            </a:r>
            <a:r>
              <a:rPr lang="ja-JP" altLang="en-US" b="0" i="0" dirty="0">
                <a:solidFill>
                  <a:srgbClr val="000000"/>
                </a:solidFill>
                <a:effectLst/>
                <a:latin typeface="HiraKakuProN-W3"/>
              </a:rPr>
              <a:t>セルを使っていたが、</a:t>
            </a:r>
            <a:r>
              <a:rPr lang="en-US" altLang="ja-JP" b="0" i="0" dirty="0" err="1">
                <a:solidFill>
                  <a:srgbClr val="000000"/>
                </a:solidFill>
                <a:effectLst/>
                <a:latin typeface="HiraKakuProN-W3"/>
              </a:rPr>
              <a:t>TetraMem</a:t>
            </a:r>
            <a:r>
              <a:rPr lang="ja-JP" altLang="en-US" b="0" i="0" dirty="0">
                <a:solidFill>
                  <a:srgbClr val="000000"/>
                </a:solidFill>
                <a:effectLst/>
                <a:latin typeface="HiraKakuProN-W3"/>
              </a:rPr>
              <a:t>ではこれを</a:t>
            </a:r>
            <a:r>
              <a:rPr lang="en-US" altLang="ja-JP" b="0" i="0" dirty="0">
                <a:solidFill>
                  <a:srgbClr val="000000"/>
                </a:solidFill>
                <a:effectLst/>
                <a:latin typeface="HiraKakuProN-W3"/>
              </a:rPr>
              <a:t>1</a:t>
            </a:r>
            <a:r>
              <a:rPr lang="ja-JP" altLang="en-US" b="0" i="0" dirty="0">
                <a:solidFill>
                  <a:srgbClr val="000000"/>
                </a:solidFill>
                <a:effectLst/>
                <a:latin typeface="HiraKakuProN-W3"/>
              </a:rPr>
              <a:t>つのメモリスタセルで実現している。</a:t>
            </a:r>
          </a:p>
          <a:p>
            <a:endParaRPr lang="ja-JP" altLang="en-US" b="1" dirty="0">
              <a:solidFill>
                <a:srgbClr val="C00000"/>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248564255"/>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In-Memory Computing</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4" name="図 3">
            <a:extLst>
              <a:ext uri="{FF2B5EF4-FFF2-40B4-BE49-F238E27FC236}">
                <a16:creationId xmlns:a16="http://schemas.microsoft.com/office/drawing/2014/main" id="{0F11DFDD-B824-617D-1E4A-6CC798ABEBD4}"/>
              </a:ext>
            </a:extLst>
          </p:cNvPr>
          <p:cNvPicPr>
            <a:picLocks noChangeAspect="1"/>
          </p:cNvPicPr>
          <p:nvPr/>
        </p:nvPicPr>
        <p:blipFill>
          <a:blip r:embed="rId2"/>
          <a:stretch>
            <a:fillRect/>
          </a:stretch>
        </p:blipFill>
        <p:spPr>
          <a:xfrm>
            <a:off x="0" y="744909"/>
            <a:ext cx="12192000" cy="5957629"/>
          </a:xfrm>
          <a:prstGeom prst="rect">
            <a:avLst/>
          </a:prstGeom>
        </p:spPr>
      </p:pic>
    </p:spTree>
    <p:extLst>
      <p:ext uri="{BB962C8B-B14F-4D97-AF65-F5344CB8AC3E}">
        <p14:creationId xmlns:p14="http://schemas.microsoft.com/office/powerpoint/2010/main" val="2166723879"/>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In-Memory Computing</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3" name="図 2">
            <a:extLst>
              <a:ext uri="{FF2B5EF4-FFF2-40B4-BE49-F238E27FC236}">
                <a16:creationId xmlns:a16="http://schemas.microsoft.com/office/drawing/2014/main" id="{F4F5B8AC-94FF-4281-3D91-84004D07CE9C}"/>
              </a:ext>
            </a:extLst>
          </p:cNvPr>
          <p:cNvPicPr>
            <a:picLocks noChangeAspect="1"/>
          </p:cNvPicPr>
          <p:nvPr/>
        </p:nvPicPr>
        <p:blipFill>
          <a:blip r:embed="rId2"/>
          <a:stretch>
            <a:fillRect/>
          </a:stretch>
        </p:blipFill>
        <p:spPr>
          <a:xfrm>
            <a:off x="0" y="629035"/>
            <a:ext cx="12192000" cy="6038236"/>
          </a:xfrm>
          <a:prstGeom prst="rect">
            <a:avLst/>
          </a:prstGeom>
        </p:spPr>
      </p:pic>
    </p:spTree>
    <p:extLst>
      <p:ext uri="{BB962C8B-B14F-4D97-AF65-F5344CB8AC3E}">
        <p14:creationId xmlns:p14="http://schemas.microsoft.com/office/powerpoint/2010/main" val="2075382499"/>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In-Memory Computing</a:t>
            </a:r>
            <a:endParaRPr kumimoji="1" lang="ja-JP" altLang="en-US" sz="2400" b="1" dirty="0">
              <a:latin typeface="BIZ UDPゴシック" panose="020B0400000000000000" pitchFamily="50" charset="-128"/>
              <a:ea typeface="BIZ UDPゴシック" panose="020B0400000000000000" pitchFamily="50" charset="-128"/>
            </a:endParaRPr>
          </a:p>
        </p:txBody>
      </p:sp>
      <p:pic>
        <p:nvPicPr>
          <p:cNvPr id="4" name="図 3">
            <a:extLst>
              <a:ext uri="{FF2B5EF4-FFF2-40B4-BE49-F238E27FC236}">
                <a16:creationId xmlns:a16="http://schemas.microsoft.com/office/drawing/2014/main" id="{204260AD-F573-2456-CFAF-4603E69F2E5F}"/>
              </a:ext>
            </a:extLst>
          </p:cNvPr>
          <p:cNvPicPr>
            <a:picLocks noChangeAspect="1"/>
          </p:cNvPicPr>
          <p:nvPr/>
        </p:nvPicPr>
        <p:blipFill>
          <a:blip r:embed="rId2"/>
          <a:stretch>
            <a:fillRect/>
          </a:stretch>
        </p:blipFill>
        <p:spPr>
          <a:xfrm>
            <a:off x="599838" y="600959"/>
            <a:ext cx="10931935" cy="6198449"/>
          </a:xfrm>
          <a:prstGeom prst="rect">
            <a:avLst/>
          </a:prstGeom>
        </p:spPr>
      </p:pic>
      <p:sp>
        <p:nvSpPr>
          <p:cNvPr id="6" name="テキスト ボックス 5">
            <a:extLst>
              <a:ext uri="{FF2B5EF4-FFF2-40B4-BE49-F238E27FC236}">
                <a16:creationId xmlns:a16="http://schemas.microsoft.com/office/drawing/2014/main" id="{736F51C8-6370-215D-5916-B71418035616}"/>
              </a:ext>
            </a:extLst>
          </p:cNvPr>
          <p:cNvSpPr txBox="1"/>
          <p:nvPr/>
        </p:nvSpPr>
        <p:spPr>
          <a:xfrm>
            <a:off x="60455" y="447070"/>
            <a:ext cx="12010700" cy="307777"/>
          </a:xfrm>
          <a:prstGeom prst="rect">
            <a:avLst/>
          </a:prstGeom>
          <a:noFill/>
        </p:spPr>
        <p:txBody>
          <a:bodyPr wrap="square">
            <a:spAutoFit/>
          </a:bodyPr>
          <a:lstStyle/>
          <a:p>
            <a:pPr algn="ctr"/>
            <a:r>
              <a:rPr lang="en-US" altLang="ja-JP" sz="1400" b="1" i="0" dirty="0">
                <a:solidFill>
                  <a:srgbClr val="C00000"/>
                </a:solidFill>
                <a:effectLst/>
                <a:latin typeface="BIZ UDPゴシック" panose="020B0400000000000000" pitchFamily="50" charset="-128"/>
                <a:ea typeface="BIZ UDPゴシック" panose="020B0400000000000000" pitchFamily="50" charset="-128"/>
              </a:rPr>
              <a:t>65nm</a:t>
            </a:r>
            <a:r>
              <a:rPr lang="ja-JP" altLang="en-US" sz="1400" b="1" i="0" dirty="0">
                <a:solidFill>
                  <a:srgbClr val="C00000"/>
                </a:solidFill>
                <a:effectLst/>
                <a:latin typeface="BIZ UDPゴシック" panose="020B0400000000000000" pitchFamily="50" charset="-128"/>
                <a:ea typeface="BIZ UDPゴシック" panose="020B0400000000000000" pitchFamily="50" charset="-128"/>
              </a:rPr>
              <a:t>プロセスを利用したテストチップで</a:t>
            </a:r>
            <a:r>
              <a:rPr lang="en-US" altLang="ja-JP" sz="1400" b="1" i="0" dirty="0">
                <a:solidFill>
                  <a:srgbClr val="C00000"/>
                </a:solidFill>
                <a:effectLst/>
                <a:latin typeface="BIZ UDPゴシック" panose="020B0400000000000000" pitchFamily="50" charset="-128"/>
                <a:ea typeface="BIZ UDPゴシック" panose="020B0400000000000000" pitchFamily="50" charset="-128"/>
              </a:rPr>
              <a:t>400MHz</a:t>
            </a:r>
            <a:r>
              <a:rPr lang="ja-JP" altLang="en-US" sz="1400" b="1" i="0" dirty="0">
                <a:solidFill>
                  <a:srgbClr val="C00000"/>
                </a:solidFill>
                <a:effectLst/>
                <a:latin typeface="BIZ UDPゴシック" panose="020B0400000000000000" pitchFamily="50" charset="-128"/>
                <a:ea typeface="BIZ UDPゴシック" panose="020B0400000000000000" pitchFamily="50" charset="-128"/>
              </a:rPr>
              <a:t>までの動作は確認しており、実測値で最大</a:t>
            </a:r>
            <a:r>
              <a:rPr lang="en-US" altLang="ja-JP" sz="1400" b="1" i="0" dirty="0">
                <a:solidFill>
                  <a:srgbClr val="C00000"/>
                </a:solidFill>
                <a:effectLst/>
                <a:latin typeface="BIZ UDPゴシック" panose="020B0400000000000000" pitchFamily="50" charset="-128"/>
                <a:ea typeface="BIZ UDPゴシック" panose="020B0400000000000000" pitchFamily="50" charset="-128"/>
              </a:rPr>
              <a:t>25TOPS/W</a:t>
            </a:r>
            <a:r>
              <a:rPr lang="ja-JP" altLang="en-US" sz="1400" b="1" i="0" dirty="0">
                <a:solidFill>
                  <a:srgbClr val="C00000"/>
                </a:solidFill>
                <a:effectLst/>
                <a:latin typeface="BIZ UDPゴシック" panose="020B0400000000000000" pitchFamily="50" charset="-128"/>
                <a:ea typeface="BIZ UDPゴシック" panose="020B0400000000000000" pitchFamily="50" charset="-128"/>
              </a:rPr>
              <a:t>が確認できたとしている。</a:t>
            </a:r>
            <a:endParaRPr lang="ja-JP" altLang="en-US" sz="1400" b="1" dirty="0">
              <a:solidFill>
                <a:srgbClr val="C00000"/>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38749812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a:extLst>
              <a:ext uri="{FF2B5EF4-FFF2-40B4-BE49-F238E27FC236}">
                <a16:creationId xmlns:a16="http://schemas.microsoft.com/office/drawing/2014/main" id="{5C3BB4D4-F81C-20CA-97F6-9FA0B56955E9}"/>
              </a:ext>
            </a:extLst>
          </p:cNvPr>
          <p:cNvSpPr/>
          <p:nvPr/>
        </p:nvSpPr>
        <p:spPr>
          <a:xfrm>
            <a:off x="0" y="-3099"/>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電力需要予測</a:t>
            </a:r>
          </a:p>
        </p:txBody>
      </p:sp>
      <p:pic>
        <p:nvPicPr>
          <p:cNvPr id="3" name="図 2">
            <a:extLst>
              <a:ext uri="{FF2B5EF4-FFF2-40B4-BE49-F238E27FC236}">
                <a16:creationId xmlns:a16="http://schemas.microsoft.com/office/drawing/2014/main" id="{8C17BF12-26EB-4C51-05C1-29253665DA4B}"/>
              </a:ext>
            </a:extLst>
          </p:cNvPr>
          <p:cNvPicPr>
            <a:picLocks noChangeAspect="1"/>
          </p:cNvPicPr>
          <p:nvPr/>
        </p:nvPicPr>
        <p:blipFill>
          <a:blip r:embed="rId3"/>
          <a:stretch>
            <a:fillRect/>
          </a:stretch>
        </p:blipFill>
        <p:spPr>
          <a:xfrm>
            <a:off x="0" y="668641"/>
            <a:ext cx="12192000" cy="6189359"/>
          </a:xfrm>
          <a:prstGeom prst="rect">
            <a:avLst/>
          </a:prstGeom>
        </p:spPr>
      </p:pic>
      <p:sp>
        <p:nvSpPr>
          <p:cNvPr id="5" name="テキスト ボックス 4">
            <a:extLst>
              <a:ext uri="{FF2B5EF4-FFF2-40B4-BE49-F238E27FC236}">
                <a16:creationId xmlns:a16="http://schemas.microsoft.com/office/drawing/2014/main" id="{579BC0CD-6DD0-22F8-802B-BDFC94DB9215}"/>
              </a:ext>
            </a:extLst>
          </p:cNvPr>
          <p:cNvSpPr txBox="1"/>
          <p:nvPr/>
        </p:nvSpPr>
        <p:spPr>
          <a:xfrm>
            <a:off x="0" y="464759"/>
            <a:ext cx="12192000" cy="584775"/>
          </a:xfrm>
          <a:prstGeom prst="rect">
            <a:avLst/>
          </a:prstGeom>
          <a:noFill/>
        </p:spPr>
        <p:txBody>
          <a:bodyPr wrap="square">
            <a:spAutoFit/>
          </a:bodyPr>
          <a:lstStyle/>
          <a:p>
            <a:r>
              <a:rPr lang="en-US" altLang="ja-JP" sz="1600" b="1" dirty="0">
                <a:latin typeface="BIZ UDPゴシック" panose="020B0400000000000000" pitchFamily="50" charset="-128"/>
                <a:ea typeface="BIZ UDPゴシック" panose="020B0400000000000000" pitchFamily="50" charset="-128"/>
              </a:rPr>
              <a:t>IEA</a:t>
            </a:r>
            <a:r>
              <a:rPr lang="ja-JP" altLang="en-US" sz="1600" b="1" dirty="0">
                <a:latin typeface="BIZ UDPゴシック" panose="020B0400000000000000" pitchFamily="50" charset="-128"/>
                <a:ea typeface="BIZ UDPゴシック" panose="020B0400000000000000" pitchFamily="50" charset="-128"/>
              </a:rPr>
              <a:t>によれば、世界のデータセンター、</a:t>
            </a:r>
            <a:r>
              <a:rPr lang="en-US" altLang="ja-JP" sz="1600" b="1" dirty="0">
                <a:latin typeface="BIZ UDPゴシック" panose="020B0400000000000000" pitchFamily="50" charset="-128"/>
                <a:ea typeface="BIZ UDPゴシック" panose="020B0400000000000000" pitchFamily="50" charset="-128"/>
              </a:rPr>
              <a:t>AI</a:t>
            </a:r>
            <a:r>
              <a:rPr lang="ja-JP" altLang="en-US" sz="1600" b="1" dirty="0">
                <a:latin typeface="BIZ UDPゴシック" panose="020B0400000000000000" pitchFamily="50" charset="-128"/>
                <a:ea typeface="BIZ UDPゴシック" panose="020B0400000000000000" pitchFamily="50" charset="-128"/>
              </a:rPr>
              <a:t>等による電力需要は、</a:t>
            </a:r>
            <a:r>
              <a:rPr lang="en-US" altLang="ja-JP" sz="1600" b="1" dirty="0">
                <a:latin typeface="BIZ UDPゴシック" panose="020B0400000000000000" pitchFamily="50" charset="-128"/>
                <a:ea typeface="BIZ UDPゴシック" panose="020B0400000000000000" pitchFamily="50" charset="-128"/>
              </a:rPr>
              <a:t>2022</a:t>
            </a:r>
            <a:r>
              <a:rPr lang="ja-JP" altLang="en-US" sz="1600" b="1" dirty="0">
                <a:latin typeface="BIZ UDPゴシック" panose="020B0400000000000000" pitchFamily="50" charset="-128"/>
                <a:ea typeface="BIZ UDPゴシック" panose="020B0400000000000000" pitchFamily="50" charset="-128"/>
              </a:rPr>
              <a:t>年</a:t>
            </a:r>
            <a:r>
              <a:rPr lang="en-US" altLang="ja-JP" sz="1600" b="1" dirty="0">
                <a:latin typeface="BIZ UDPゴシック" panose="020B0400000000000000" pitchFamily="50" charset="-128"/>
                <a:ea typeface="BIZ UDPゴシック" panose="020B0400000000000000" pitchFamily="50" charset="-128"/>
              </a:rPr>
              <a:t>460TWh</a:t>
            </a:r>
            <a:r>
              <a:rPr lang="ja-JP" altLang="en-US" sz="1600" b="1" dirty="0">
                <a:latin typeface="BIZ UDPゴシック" panose="020B0400000000000000" pitchFamily="50" charset="-128"/>
                <a:ea typeface="BIZ UDPゴシック" panose="020B0400000000000000" pitchFamily="50" charset="-128"/>
              </a:rPr>
              <a:t>から</a:t>
            </a:r>
            <a:r>
              <a:rPr lang="en-US" altLang="ja-JP" sz="1600" b="1" dirty="0">
                <a:latin typeface="BIZ UDPゴシック" panose="020B0400000000000000" pitchFamily="50" charset="-128"/>
                <a:ea typeface="BIZ UDPゴシック" panose="020B0400000000000000" pitchFamily="50" charset="-128"/>
              </a:rPr>
              <a:t>2026</a:t>
            </a:r>
            <a:r>
              <a:rPr lang="ja-JP" altLang="en-US" sz="1600" b="1" dirty="0">
                <a:latin typeface="BIZ UDPゴシック" panose="020B0400000000000000" pitchFamily="50" charset="-128"/>
                <a:ea typeface="BIZ UDPゴシック" panose="020B0400000000000000" pitchFamily="50" charset="-128"/>
              </a:rPr>
              <a:t>年ベースケースで </a:t>
            </a:r>
            <a:r>
              <a:rPr lang="en-US" altLang="ja-JP" sz="1600" b="1" dirty="0">
                <a:latin typeface="BIZ UDPゴシック" panose="020B0400000000000000" pitchFamily="50" charset="-128"/>
                <a:ea typeface="BIZ UDPゴシック" panose="020B0400000000000000" pitchFamily="50" charset="-128"/>
              </a:rPr>
              <a:t>800TWh</a:t>
            </a:r>
            <a:r>
              <a:rPr lang="ja-JP" altLang="en-US" sz="1600" b="1" dirty="0">
                <a:latin typeface="BIZ UDPゴシック" panose="020B0400000000000000" pitchFamily="50" charset="-128"/>
                <a:ea typeface="BIZ UDPゴシック" panose="020B0400000000000000" pitchFamily="50" charset="-128"/>
              </a:rPr>
              <a:t>まで増加する見通し（</a:t>
            </a:r>
            <a:r>
              <a:rPr lang="en-US" altLang="ja-JP" sz="1600" b="1" dirty="0">
                <a:latin typeface="BIZ UDPゴシック" panose="020B0400000000000000" pitchFamily="50" charset="-128"/>
                <a:ea typeface="BIZ UDPゴシック" panose="020B0400000000000000" pitchFamily="50" charset="-128"/>
              </a:rPr>
              <a:t>2024</a:t>
            </a:r>
            <a:r>
              <a:rPr lang="ja-JP" altLang="en-US" sz="1600" b="1" dirty="0">
                <a:latin typeface="BIZ UDPゴシック" panose="020B0400000000000000" pitchFamily="50" charset="-128"/>
                <a:ea typeface="BIZ UDPゴシック" panose="020B0400000000000000" pitchFamily="50" charset="-128"/>
              </a:rPr>
              <a:t>年</a:t>
            </a:r>
            <a:r>
              <a:rPr lang="en-US" altLang="ja-JP" sz="1600" b="1" dirty="0">
                <a:latin typeface="BIZ UDPゴシック" panose="020B0400000000000000" pitchFamily="50" charset="-128"/>
                <a:ea typeface="BIZ UDPゴシック" panose="020B0400000000000000" pitchFamily="50" charset="-128"/>
              </a:rPr>
              <a:t>1</a:t>
            </a:r>
            <a:r>
              <a:rPr lang="ja-JP" altLang="en-US" sz="1600" b="1" dirty="0">
                <a:latin typeface="BIZ UDPゴシック" panose="020B0400000000000000" pitchFamily="50" charset="-128"/>
                <a:ea typeface="BIZ UDPゴシック" panose="020B0400000000000000" pitchFamily="50" charset="-128"/>
              </a:rPr>
              <a:t>月時点）。</a:t>
            </a:r>
          </a:p>
        </p:txBody>
      </p:sp>
      <p:sp>
        <p:nvSpPr>
          <p:cNvPr id="7" name="テキスト ボックス 6">
            <a:extLst>
              <a:ext uri="{FF2B5EF4-FFF2-40B4-BE49-F238E27FC236}">
                <a16:creationId xmlns:a16="http://schemas.microsoft.com/office/drawing/2014/main" id="{C033EF55-C0A5-009C-68A2-B1B0C331A7D4}"/>
              </a:ext>
            </a:extLst>
          </p:cNvPr>
          <p:cNvSpPr txBox="1"/>
          <p:nvPr/>
        </p:nvSpPr>
        <p:spPr>
          <a:xfrm>
            <a:off x="3767177" y="1577848"/>
            <a:ext cx="4500208" cy="276999"/>
          </a:xfrm>
          <a:prstGeom prst="rect">
            <a:avLst/>
          </a:prstGeom>
          <a:noFill/>
        </p:spPr>
        <p:txBody>
          <a:bodyPr wrap="square">
            <a:spAutoFit/>
          </a:bodyPr>
          <a:lstStyle/>
          <a:p>
            <a:pPr algn="ctr"/>
            <a:r>
              <a:rPr lang="ja-JP" altLang="en-US" sz="1200" b="1" dirty="0">
                <a:solidFill>
                  <a:srgbClr val="C00000"/>
                </a:solidFill>
                <a:latin typeface="BIZ UDPゴシック" panose="020B0400000000000000" pitchFamily="50" charset="-128"/>
                <a:ea typeface="BIZ UDPゴシック" panose="020B0400000000000000" pitchFamily="50" charset="-128"/>
              </a:rPr>
              <a:t>（出所</a:t>
            </a:r>
            <a:r>
              <a:rPr lang="en-US" altLang="ja-JP" sz="1200" b="1" dirty="0">
                <a:solidFill>
                  <a:srgbClr val="C00000"/>
                </a:solidFill>
                <a:latin typeface="BIZ UDPゴシック" panose="020B0400000000000000" pitchFamily="50" charset="-128"/>
                <a:ea typeface="BIZ UDPゴシック" panose="020B0400000000000000" pitchFamily="50" charset="-128"/>
              </a:rPr>
              <a:t>) IEA “Electricity 2024”</a:t>
            </a:r>
            <a:r>
              <a:rPr lang="ja-JP" altLang="en-US" sz="1200" b="1" dirty="0">
                <a:solidFill>
                  <a:srgbClr val="C00000"/>
                </a:solidFill>
                <a:latin typeface="BIZ UDPゴシック" panose="020B0400000000000000" pitchFamily="50" charset="-128"/>
                <a:ea typeface="BIZ UDPゴシック" panose="020B0400000000000000" pitchFamily="50" charset="-128"/>
              </a:rPr>
              <a:t>（</a:t>
            </a:r>
            <a:r>
              <a:rPr lang="en-US" altLang="ja-JP" sz="1200" b="1" dirty="0">
                <a:solidFill>
                  <a:srgbClr val="C00000"/>
                </a:solidFill>
                <a:latin typeface="BIZ UDPゴシック" panose="020B0400000000000000" pitchFamily="50" charset="-128"/>
                <a:ea typeface="BIZ UDPゴシック" panose="020B0400000000000000" pitchFamily="50" charset="-128"/>
              </a:rPr>
              <a:t>2024</a:t>
            </a:r>
            <a:r>
              <a:rPr lang="ja-JP" altLang="en-US" sz="1200" b="1" dirty="0">
                <a:solidFill>
                  <a:srgbClr val="C00000"/>
                </a:solidFill>
                <a:latin typeface="BIZ UDPゴシック" panose="020B0400000000000000" pitchFamily="50" charset="-128"/>
                <a:ea typeface="BIZ UDPゴシック" panose="020B0400000000000000" pitchFamily="50" charset="-128"/>
              </a:rPr>
              <a:t>年</a:t>
            </a:r>
            <a:r>
              <a:rPr lang="en-US" altLang="ja-JP" sz="1200" b="1" dirty="0">
                <a:solidFill>
                  <a:srgbClr val="C00000"/>
                </a:solidFill>
                <a:latin typeface="BIZ UDPゴシック" panose="020B0400000000000000" pitchFamily="50" charset="-128"/>
                <a:ea typeface="BIZ UDPゴシック" panose="020B0400000000000000" pitchFamily="50" charset="-128"/>
              </a:rPr>
              <a:t>1</a:t>
            </a:r>
            <a:r>
              <a:rPr lang="ja-JP" altLang="en-US" sz="1200" b="1" dirty="0">
                <a:solidFill>
                  <a:srgbClr val="C00000"/>
                </a:solidFill>
                <a:latin typeface="BIZ UDPゴシック" panose="020B0400000000000000" pitchFamily="50" charset="-128"/>
                <a:ea typeface="BIZ UDPゴシック" panose="020B0400000000000000" pitchFamily="50" charset="-128"/>
              </a:rPr>
              <a:t>月</a:t>
            </a:r>
            <a:r>
              <a:rPr lang="en-US" altLang="ja-JP" sz="1200" b="1" dirty="0">
                <a:solidFill>
                  <a:srgbClr val="C00000"/>
                </a:solidFill>
                <a:latin typeface="BIZ UDPゴシック" panose="020B0400000000000000" pitchFamily="50" charset="-128"/>
                <a:ea typeface="BIZ UDPゴシック" panose="020B0400000000000000" pitchFamily="50" charset="-128"/>
              </a:rPr>
              <a:t>24</a:t>
            </a:r>
            <a:r>
              <a:rPr lang="ja-JP" altLang="en-US" sz="1200" b="1" dirty="0">
                <a:solidFill>
                  <a:srgbClr val="C00000"/>
                </a:solidFill>
                <a:latin typeface="BIZ UDPゴシック" panose="020B0400000000000000" pitchFamily="50" charset="-128"/>
                <a:ea typeface="BIZ UDPゴシック" panose="020B0400000000000000" pitchFamily="50" charset="-128"/>
              </a:rPr>
              <a:t>日公表） </a:t>
            </a:r>
          </a:p>
        </p:txBody>
      </p:sp>
    </p:spTree>
    <p:extLst>
      <p:ext uri="{BB962C8B-B14F-4D97-AF65-F5344CB8AC3E}">
        <p14:creationId xmlns:p14="http://schemas.microsoft.com/office/powerpoint/2010/main" val="1909539757"/>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CB91481A-8BC9-0153-45F2-A967DC5B8929}"/>
              </a:ext>
            </a:extLst>
          </p:cNvPr>
          <p:cNvSpPr/>
          <p:nvPr/>
        </p:nvSpPr>
        <p:spPr>
          <a:xfrm>
            <a:off x="0" y="0"/>
            <a:ext cx="12192000" cy="6858000"/>
          </a:xfrm>
          <a:prstGeom prst="rect">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a:extLst>
              <a:ext uri="{FF2B5EF4-FFF2-40B4-BE49-F238E27FC236}">
                <a16:creationId xmlns:a16="http://schemas.microsoft.com/office/drawing/2014/main" id="{42E70F4F-0068-BA4F-86DA-069E75A81E2D}"/>
              </a:ext>
            </a:extLst>
          </p:cNvPr>
          <p:cNvSpPr txBox="1"/>
          <p:nvPr/>
        </p:nvSpPr>
        <p:spPr>
          <a:xfrm>
            <a:off x="1" y="2705725"/>
            <a:ext cx="12191999" cy="1446550"/>
          </a:xfrm>
          <a:prstGeom prst="rect">
            <a:avLst/>
          </a:prstGeom>
          <a:noFill/>
        </p:spPr>
        <p:txBody>
          <a:bodyPr wrap="square" rtlCol="0">
            <a:spAutoFit/>
          </a:bodyPr>
          <a:lstStyle/>
          <a:p>
            <a:pPr algn="ctr"/>
            <a:r>
              <a:rPr lang="ja-JP" altLang="en-US"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スピンメモリスタ</a:t>
            </a:r>
            <a:r>
              <a:rPr kumimoji="1" lang="ja-JP" altLang="en-US" sz="16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とは？</a:t>
            </a:r>
            <a:endParaRPr kumimoji="1" lang="en-US" altLang="ja-JP"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endParaRPr>
          </a:p>
        </p:txBody>
      </p:sp>
    </p:spTree>
    <p:extLst>
      <p:ext uri="{BB962C8B-B14F-4D97-AF65-F5344CB8AC3E}">
        <p14:creationId xmlns:p14="http://schemas.microsoft.com/office/powerpoint/2010/main" val="173732718"/>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メモリスタとは？</a:t>
            </a:r>
          </a:p>
        </p:txBody>
      </p:sp>
      <p:pic>
        <p:nvPicPr>
          <p:cNvPr id="3" name="図 2">
            <a:extLst>
              <a:ext uri="{FF2B5EF4-FFF2-40B4-BE49-F238E27FC236}">
                <a16:creationId xmlns:a16="http://schemas.microsoft.com/office/drawing/2014/main" id="{D96F3B6C-18F0-E812-BEEC-3AE93EF06B5D}"/>
              </a:ext>
            </a:extLst>
          </p:cNvPr>
          <p:cNvPicPr>
            <a:picLocks noChangeAspect="1"/>
          </p:cNvPicPr>
          <p:nvPr/>
        </p:nvPicPr>
        <p:blipFill>
          <a:blip r:embed="rId2"/>
          <a:stretch>
            <a:fillRect/>
          </a:stretch>
        </p:blipFill>
        <p:spPr>
          <a:xfrm>
            <a:off x="287167" y="578648"/>
            <a:ext cx="11403550" cy="6124129"/>
          </a:xfrm>
          <a:prstGeom prst="rect">
            <a:avLst/>
          </a:prstGeom>
        </p:spPr>
      </p:pic>
    </p:spTree>
    <p:extLst>
      <p:ext uri="{BB962C8B-B14F-4D97-AF65-F5344CB8AC3E}">
        <p14:creationId xmlns:p14="http://schemas.microsoft.com/office/powerpoint/2010/main" val="441769272"/>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メモリスタとは？</a:t>
            </a:r>
          </a:p>
        </p:txBody>
      </p:sp>
      <p:pic>
        <p:nvPicPr>
          <p:cNvPr id="4" name="図 3">
            <a:extLst>
              <a:ext uri="{FF2B5EF4-FFF2-40B4-BE49-F238E27FC236}">
                <a16:creationId xmlns:a16="http://schemas.microsoft.com/office/drawing/2014/main" id="{E3C0FE26-08BC-2A32-72D4-F8C549A40C6E}"/>
              </a:ext>
            </a:extLst>
          </p:cNvPr>
          <p:cNvPicPr>
            <a:picLocks noChangeAspect="1"/>
          </p:cNvPicPr>
          <p:nvPr/>
        </p:nvPicPr>
        <p:blipFill>
          <a:blip r:embed="rId2"/>
          <a:stretch>
            <a:fillRect/>
          </a:stretch>
        </p:blipFill>
        <p:spPr>
          <a:xfrm>
            <a:off x="503801" y="709482"/>
            <a:ext cx="11184397" cy="5944332"/>
          </a:xfrm>
          <a:prstGeom prst="rect">
            <a:avLst/>
          </a:prstGeom>
        </p:spPr>
      </p:pic>
    </p:spTree>
    <p:extLst>
      <p:ext uri="{BB962C8B-B14F-4D97-AF65-F5344CB8AC3E}">
        <p14:creationId xmlns:p14="http://schemas.microsoft.com/office/powerpoint/2010/main" val="3100214461"/>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メモリスタとは？</a:t>
            </a:r>
          </a:p>
        </p:txBody>
      </p:sp>
      <p:pic>
        <p:nvPicPr>
          <p:cNvPr id="3" name="図 2">
            <a:extLst>
              <a:ext uri="{FF2B5EF4-FFF2-40B4-BE49-F238E27FC236}">
                <a16:creationId xmlns:a16="http://schemas.microsoft.com/office/drawing/2014/main" id="{BCA3C86A-4D41-6947-A622-07F16462CBD7}"/>
              </a:ext>
            </a:extLst>
          </p:cNvPr>
          <p:cNvPicPr>
            <a:picLocks noChangeAspect="1"/>
          </p:cNvPicPr>
          <p:nvPr/>
        </p:nvPicPr>
        <p:blipFill>
          <a:blip r:embed="rId2"/>
          <a:stretch>
            <a:fillRect/>
          </a:stretch>
        </p:blipFill>
        <p:spPr>
          <a:xfrm>
            <a:off x="205299" y="727146"/>
            <a:ext cx="11326115" cy="5877693"/>
          </a:xfrm>
          <a:prstGeom prst="rect">
            <a:avLst/>
          </a:prstGeom>
        </p:spPr>
      </p:pic>
    </p:spTree>
    <p:extLst>
      <p:ext uri="{BB962C8B-B14F-4D97-AF65-F5344CB8AC3E}">
        <p14:creationId xmlns:p14="http://schemas.microsoft.com/office/powerpoint/2010/main" val="4013500045"/>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メモリスタとは？</a:t>
            </a:r>
          </a:p>
        </p:txBody>
      </p:sp>
      <p:pic>
        <p:nvPicPr>
          <p:cNvPr id="4" name="図 3">
            <a:extLst>
              <a:ext uri="{FF2B5EF4-FFF2-40B4-BE49-F238E27FC236}">
                <a16:creationId xmlns:a16="http://schemas.microsoft.com/office/drawing/2014/main" id="{CFAD8441-B04B-DACB-C5F4-F46988956701}"/>
              </a:ext>
            </a:extLst>
          </p:cNvPr>
          <p:cNvPicPr>
            <a:picLocks noChangeAspect="1"/>
          </p:cNvPicPr>
          <p:nvPr/>
        </p:nvPicPr>
        <p:blipFill>
          <a:blip r:embed="rId2"/>
          <a:stretch>
            <a:fillRect/>
          </a:stretch>
        </p:blipFill>
        <p:spPr>
          <a:xfrm>
            <a:off x="241825" y="636209"/>
            <a:ext cx="11237296" cy="5939010"/>
          </a:xfrm>
          <a:prstGeom prst="rect">
            <a:avLst/>
          </a:prstGeom>
        </p:spPr>
      </p:pic>
    </p:spTree>
    <p:extLst>
      <p:ext uri="{BB962C8B-B14F-4D97-AF65-F5344CB8AC3E}">
        <p14:creationId xmlns:p14="http://schemas.microsoft.com/office/powerpoint/2010/main" val="902369903"/>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スピンメモリスタをDIPに実装されたところ。パッケージには6素子が入っている">
            <a:extLst>
              <a:ext uri="{FF2B5EF4-FFF2-40B4-BE49-F238E27FC236}">
                <a16:creationId xmlns:a16="http://schemas.microsoft.com/office/drawing/2014/main" id="{9A475A46-EAE2-A064-A116-5ABBD747E0D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1059030"/>
            <a:ext cx="6320153" cy="4210802"/>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ニューロモーフィックデバイスの説明、特徴などが記されている">
            <a:extLst>
              <a:ext uri="{FF2B5EF4-FFF2-40B4-BE49-F238E27FC236}">
                <a16:creationId xmlns:a16="http://schemas.microsoft.com/office/drawing/2014/main" id="{6B0433DE-9D48-9DEE-BFCE-4317864C3FCC}"/>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871846" y="1059030"/>
            <a:ext cx="6320154" cy="4210802"/>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a:extLst>
              <a:ext uri="{FF2B5EF4-FFF2-40B4-BE49-F238E27FC236}">
                <a16:creationId xmlns:a16="http://schemas.microsoft.com/office/drawing/2014/main" id="{65C65E2F-8DDE-99A1-A768-6EE4FC2E6370}"/>
              </a:ext>
            </a:extLst>
          </p:cNvPr>
          <p:cNvSpPr txBox="1"/>
          <p:nvPr/>
        </p:nvSpPr>
        <p:spPr>
          <a:xfrm>
            <a:off x="112076" y="5443700"/>
            <a:ext cx="11959608" cy="1200329"/>
          </a:xfrm>
          <a:prstGeom prst="rect">
            <a:avLst/>
          </a:prstGeom>
          <a:noFill/>
        </p:spPr>
        <p:txBody>
          <a:bodyPr wrap="square">
            <a:spAutoFit/>
          </a:bodyPr>
          <a:lstStyle/>
          <a:p>
            <a:r>
              <a:rPr lang="ja-JP" altLang="en-US" sz="2400" b="0" i="0" dirty="0">
                <a:solidFill>
                  <a:srgbClr val="333333"/>
                </a:solidFill>
                <a:effectLst/>
                <a:latin typeface="BIZ UDPゴシック" panose="020B0400000000000000" pitchFamily="50" charset="-128"/>
                <a:ea typeface="BIZ UDPゴシック" panose="020B0400000000000000" pitchFamily="50" charset="-128"/>
              </a:rPr>
              <a:t>２０２４年</a:t>
            </a:r>
            <a:r>
              <a:rPr lang="en-US" altLang="ja-JP" sz="2400" b="0" i="0" dirty="0">
                <a:solidFill>
                  <a:srgbClr val="333333"/>
                </a:solidFill>
                <a:effectLst/>
                <a:latin typeface="BIZ UDPゴシック" panose="020B0400000000000000" pitchFamily="50" charset="-128"/>
                <a:ea typeface="BIZ UDPゴシック" panose="020B0400000000000000" pitchFamily="50" charset="-128"/>
              </a:rPr>
              <a:t>10</a:t>
            </a:r>
            <a:r>
              <a:rPr lang="ja-JP" altLang="en-US" sz="2400" b="0" i="0" dirty="0">
                <a:solidFill>
                  <a:srgbClr val="333333"/>
                </a:solidFill>
                <a:effectLst/>
                <a:latin typeface="BIZ UDPゴシック" panose="020B0400000000000000" pitchFamily="50" charset="-128"/>
                <a:ea typeface="BIZ UDPゴシック" panose="020B0400000000000000" pitchFamily="50" charset="-128"/>
              </a:rPr>
              <a:t>月</a:t>
            </a:r>
            <a:r>
              <a:rPr lang="en-US" altLang="ja-JP" sz="2400" b="0" i="0" dirty="0">
                <a:solidFill>
                  <a:srgbClr val="333333"/>
                </a:solidFill>
                <a:effectLst/>
                <a:latin typeface="BIZ UDPゴシック" panose="020B0400000000000000" pitchFamily="50" charset="-128"/>
                <a:ea typeface="BIZ UDPゴシック" panose="020B0400000000000000" pitchFamily="50" charset="-128"/>
              </a:rPr>
              <a:t>15</a:t>
            </a:r>
            <a:r>
              <a:rPr lang="ja-JP" altLang="en-US" sz="2400" b="0" i="0" dirty="0">
                <a:solidFill>
                  <a:srgbClr val="333333"/>
                </a:solidFill>
                <a:effectLst/>
                <a:latin typeface="BIZ UDPゴシック" panose="020B0400000000000000" pitchFamily="50" charset="-128"/>
                <a:ea typeface="BIZ UDPゴシック" panose="020B0400000000000000" pitchFamily="50" charset="-128"/>
              </a:rPr>
              <a:t>日～</a:t>
            </a:r>
            <a:r>
              <a:rPr lang="en-US" altLang="ja-JP" sz="2400" b="0" i="0" dirty="0">
                <a:solidFill>
                  <a:srgbClr val="333333"/>
                </a:solidFill>
                <a:effectLst/>
                <a:latin typeface="BIZ UDPゴシック" panose="020B0400000000000000" pitchFamily="50" charset="-128"/>
                <a:ea typeface="BIZ UDPゴシック" panose="020B0400000000000000" pitchFamily="50" charset="-128"/>
              </a:rPr>
              <a:t>18</a:t>
            </a:r>
            <a:r>
              <a:rPr lang="ja-JP" altLang="en-US" sz="2400" b="0" i="0" dirty="0">
                <a:solidFill>
                  <a:srgbClr val="333333"/>
                </a:solidFill>
                <a:effectLst/>
                <a:latin typeface="BIZ UDPゴシック" panose="020B0400000000000000" pitchFamily="50" charset="-128"/>
                <a:ea typeface="BIZ UDPゴシック" panose="020B0400000000000000" pitchFamily="50" charset="-128"/>
              </a:rPr>
              <a:t>日に幕張メッセで「</a:t>
            </a:r>
            <a:r>
              <a:rPr lang="en-US" altLang="ja-JP" sz="2400" b="0" i="0" dirty="0">
                <a:solidFill>
                  <a:srgbClr val="333333"/>
                </a:solidFill>
                <a:effectLst/>
                <a:latin typeface="BIZ UDPゴシック" panose="020B0400000000000000" pitchFamily="50" charset="-128"/>
                <a:ea typeface="BIZ UDPゴシック" panose="020B0400000000000000" pitchFamily="50" charset="-128"/>
              </a:rPr>
              <a:t>CEATEC 2024</a:t>
            </a:r>
            <a:r>
              <a:rPr lang="ja-JP" altLang="en-US" sz="2400" b="0" i="0" dirty="0">
                <a:solidFill>
                  <a:srgbClr val="333333"/>
                </a:solidFill>
                <a:effectLst/>
                <a:latin typeface="BIZ UDPゴシック" panose="020B0400000000000000" pitchFamily="50" charset="-128"/>
                <a:ea typeface="BIZ UDPゴシック" panose="020B0400000000000000" pitchFamily="50" charset="-128"/>
              </a:rPr>
              <a:t>」が</a:t>
            </a:r>
            <a:r>
              <a:rPr lang="ja-JP" altLang="en-US" sz="2400" dirty="0">
                <a:solidFill>
                  <a:srgbClr val="333333"/>
                </a:solidFill>
                <a:latin typeface="BIZ UDPゴシック" panose="020B0400000000000000" pitchFamily="50" charset="-128"/>
                <a:ea typeface="BIZ UDPゴシック" panose="020B0400000000000000" pitchFamily="50" charset="-128"/>
              </a:rPr>
              <a:t>開催</a:t>
            </a:r>
            <a:r>
              <a:rPr lang="ja-JP" altLang="en-US" sz="2400" b="0" i="0" dirty="0">
                <a:solidFill>
                  <a:srgbClr val="333333"/>
                </a:solidFill>
                <a:effectLst/>
                <a:latin typeface="BIZ UDPゴシック" panose="020B0400000000000000" pitchFamily="50" charset="-128"/>
                <a:ea typeface="BIZ UDPゴシック" panose="020B0400000000000000" pitchFamily="50" charset="-128"/>
              </a:rPr>
              <a:t>。</a:t>
            </a:r>
            <a:endParaRPr lang="en-US" altLang="ja-JP" sz="2400" b="0" i="0" dirty="0">
              <a:solidFill>
                <a:srgbClr val="333333"/>
              </a:solidFill>
              <a:effectLst/>
              <a:latin typeface="BIZ UDPゴシック" panose="020B0400000000000000" pitchFamily="50" charset="-128"/>
              <a:ea typeface="BIZ UDPゴシック" panose="020B0400000000000000" pitchFamily="50" charset="-128"/>
            </a:endParaRPr>
          </a:p>
          <a:p>
            <a:r>
              <a:rPr lang="en-US" altLang="ja-JP" sz="2400" b="0" i="0" dirty="0">
                <a:solidFill>
                  <a:srgbClr val="333333"/>
                </a:solidFill>
                <a:effectLst/>
                <a:latin typeface="BIZ UDPゴシック" panose="020B0400000000000000" pitchFamily="50" charset="-128"/>
                <a:ea typeface="BIZ UDPゴシック" panose="020B0400000000000000" pitchFamily="50" charset="-128"/>
              </a:rPr>
              <a:t>TDK</a:t>
            </a:r>
            <a:r>
              <a:rPr lang="ja-JP" altLang="en-US" sz="2400" b="0" i="0" dirty="0">
                <a:solidFill>
                  <a:srgbClr val="333333"/>
                </a:solidFill>
                <a:effectLst/>
                <a:latin typeface="BIZ UDPゴシック" panose="020B0400000000000000" pitchFamily="50" charset="-128"/>
                <a:ea typeface="BIZ UDPゴシック" panose="020B0400000000000000" pitchFamily="50" charset="-128"/>
              </a:rPr>
              <a:t>はスピントロニクス技術を使い、</a:t>
            </a:r>
            <a:r>
              <a:rPr lang="en-US" altLang="ja-JP" sz="2400" b="0" i="0" dirty="0">
                <a:solidFill>
                  <a:srgbClr val="333333"/>
                </a:solidFill>
                <a:effectLst/>
                <a:latin typeface="BIZ UDPゴシック" panose="020B0400000000000000" pitchFamily="50" charset="-128"/>
                <a:ea typeface="BIZ UDPゴシック" panose="020B0400000000000000" pitchFamily="50" charset="-128"/>
              </a:rPr>
              <a:t>AI</a:t>
            </a:r>
            <a:r>
              <a:rPr lang="ja-JP" altLang="en-US" sz="2400" b="0" i="0" dirty="0">
                <a:solidFill>
                  <a:srgbClr val="333333"/>
                </a:solidFill>
                <a:effectLst/>
                <a:latin typeface="BIZ UDPゴシック" panose="020B0400000000000000" pitchFamily="50" charset="-128"/>
                <a:ea typeface="BIZ UDPゴシック" panose="020B0400000000000000" pitchFamily="50" charset="-128"/>
              </a:rPr>
              <a:t>デバイスの消費電力を</a:t>
            </a:r>
            <a:r>
              <a:rPr lang="en-US" altLang="ja-JP" sz="2400" b="0" i="0" dirty="0">
                <a:solidFill>
                  <a:srgbClr val="333333"/>
                </a:solidFill>
                <a:effectLst/>
                <a:latin typeface="BIZ UDPゴシック" panose="020B0400000000000000" pitchFamily="50" charset="-128"/>
                <a:ea typeface="BIZ UDPゴシック" panose="020B0400000000000000" pitchFamily="50" charset="-128"/>
              </a:rPr>
              <a:t>100</a:t>
            </a:r>
            <a:r>
              <a:rPr lang="ja-JP" altLang="en-US" sz="2400" b="0" i="0" dirty="0">
                <a:solidFill>
                  <a:srgbClr val="333333"/>
                </a:solidFill>
                <a:effectLst/>
                <a:latin typeface="BIZ UDPゴシック" panose="020B0400000000000000" pitchFamily="50" charset="-128"/>
                <a:ea typeface="BIZ UDPゴシック" panose="020B0400000000000000" pitchFamily="50" charset="-128"/>
              </a:rPr>
              <a:t>分の</a:t>
            </a:r>
            <a:r>
              <a:rPr lang="en-US" altLang="ja-JP" sz="2400" b="0" i="0" dirty="0">
                <a:solidFill>
                  <a:srgbClr val="333333"/>
                </a:solidFill>
                <a:effectLst/>
                <a:latin typeface="BIZ UDPゴシック" panose="020B0400000000000000" pitchFamily="50" charset="-128"/>
                <a:ea typeface="BIZ UDPゴシック" panose="020B0400000000000000" pitchFamily="50" charset="-128"/>
              </a:rPr>
              <a:t>1</a:t>
            </a:r>
            <a:r>
              <a:rPr lang="ja-JP" altLang="en-US" sz="2400" b="0" i="0" dirty="0">
                <a:solidFill>
                  <a:srgbClr val="333333"/>
                </a:solidFill>
                <a:effectLst/>
                <a:latin typeface="BIZ UDPゴシック" panose="020B0400000000000000" pitchFamily="50" charset="-128"/>
                <a:ea typeface="BIZ UDPゴシック" panose="020B0400000000000000" pitchFamily="50" charset="-128"/>
              </a:rPr>
              <a:t>にするという「スピンメモリスタ」を展示。</a:t>
            </a:r>
            <a:endParaRPr lang="ja-JP" altLang="en-US" sz="2400" dirty="0">
              <a:latin typeface="BIZ UDPゴシック" panose="020B0400000000000000" pitchFamily="50" charset="-128"/>
              <a:ea typeface="BIZ UDPゴシック" panose="020B0400000000000000" pitchFamily="50" charset="-128"/>
            </a:endParaRPr>
          </a:p>
        </p:txBody>
      </p:sp>
      <p:sp>
        <p:nvSpPr>
          <p:cNvPr id="2" name="正方形/長方形 1">
            <a:extLst>
              <a:ext uri="{FF2B5EF4-FFF2-40B4-BE49-F238E27FC236}">
                <a16:creationId xmlns:a16="http://schemas.microsoft.com/office/drawing/2014/main" id="{FB08C878-A3A7-37EF-1637-05AC0398AE37}"/>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TDK</a:t>
            </a:r>
            <a:r>
              <a:rPr kumimoji="1" lang="ja-JP" altLang="en-US" sz="2400" b="1" dirty="0">
                <a:latin typeface="BIZ UDPゴシック" panose="020B0400000000000000" pitchFamily="50" charset="-128"/>
                <a:ea typeface="BIZ UDPゴシック" panose="020B0400000000000000" pitchFamily="50" charset="-128"/>
              </a:rPr>
              <a:t>のスピンメモリスタ＠</a:t>
            </a:r>
            <a:r>
              <a:rPr kumimoji="1" lang="en-US" altLang="ja-JP" sz="2400" b="1" dirty="0">
                <a:latin typeface="BIZ UDPゴシック" panose="020B0400000000000000" pitchFamily="50" charset="-128"/>
                <a:ea typeface="BIZ UDPゴシック" panose="020B0400000000000000" pitchFamily="50" charset="-128"/>
              </a:rPr>
              <a:t>CETEC2024</a:t>
            </a:r>
            <a:endParaRPr kumimoji="1" lang="ja-JP" altLang="en-US" sz="2400" b="1"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4200863213"/>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メモリスタとは？</a:t>
            </a:r>
          </a:p>
        </p:txBody>
      </p:sp>
      <p:pic>
        <p:nvPicPr>
          <p:cNvPr id="3" name="図 2">
            <a:extLst>
              <a:ext uri="{FF2B5EF4-FFF2-40B4-BE49-F238E27FC236}">
                <a16:creationId xmlns:a16="http://schemas.microsoft.com/office/drawing/2014/main" id="{591E923C-79F5-812A-FEC2-0580C4DDA3E3}"/>
              </a:ext>
            </a:extLst>
          </p:cNvPr>
          <p:cNvPicPr>
            <a:picLocks noChangeAspect="1"/>
          </p:cNvPicPr>
          <p:nvPr/>
        </p:nvPicPr>
        <p:blipFill>
          <a:blip r:embed="rId2"/>
          <a:stretch>
            <a:fillRect/>
          </a:stretch>
        </p:blipFill>
        <p:spPr>
          <a:xfrm>
            <a:off x="597004" y="647204"/>
            <a:ext cx="11254929" cy="5805089"/>
          </a:xfrm>
          <a:prstGeom prst="rect">
            <a:avLst/>
          </a:prstGeom>
        </p:spPr>
      </p:pic>
    </p:spTree>
    <p:extLst>
      <p:ext uri="{BB962C8B-B14F-4D97-AF65-F5344CB8AC3E}">
        <p14:creationId xmlns:p14="http://schemas.microsoft.com/office/powerpoint/2010/main" val="748795045"/>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a:extLst>
              <a:ext uri="{FF2B5EF4-FFF2-40B4-BE49-F238E27FC236}">
                <a16:creationId xmlns:a16="http://schemas.microsoft.com/office/drawing/2014/main" id="{EBE2DD77-0A49-91FF-7D8C-86779E8DC1F5}"/>
              </a:ext>
            </a:extLst>
          </p:cNvPr>
          <p:cNvSpPr/>
          <p:nvPr/>
        </p:nvSpPr>
        <p:spPr>
          <a:xfrm>
            <a:off x="0" y="5693"/>
            <a:ext cx="12192000" cy="467858"/>
          </a:xfrm>
          <a:prstGeom prst="rect">
            <a:avLst/>
          </a:prstGeom>
          <a:solidFill>
            <a:schemeClr val="tx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メモリスタとは？</a:t>
            </a:r>
          </a:p>
        </p:txBody>
      </p:sp>
      <p:pic>
        <p:nvPicPr>
          <p:cNvPr id="4" name="図 3">
            <a:extLst>
              <a:ext uri="{FF2B5EF4-FFF2-40B4-BE49-F238E27FC236}">
                <a16:creationId xmlns:a16="http://schemas.microsoft.com/office/drawing/2014/main" id="{9D31B08E-D825-2B0C-A272-90281A800C35}"/>
              </a:ext>
            </a:extLst>
          </p:cNvPr>
          <p:cNvPicPr>
            <a:picLocks noChangeAspect="1"/>
          </p:cNvPicPr>
          <p:nvPr/>
        </p:nvPicPr>
        <p:blipFill>
          <a:blip r:embed="rId2"/>
          <a:stretch>
            <a:fillRect/>
          </a:stretch>
        </p:blipFill>
        <p:spPr>
          <a:xfrm>
            <a:off x="566777" y="499602"/>
            <a:ext cx="11358208" cy="5858796"/>
          </a:xfrm>
          <a:prstGeom prst="rect">
            <a:avLst/>
          </a:prstGeom>
        </p:spPr>
      </p:pic>
    </p:spTree>
    <p:extLst>
      <p:ext uri="{BB962C8B-B14F-4D97-AF65-F5344CB8AC3E}">
        <p14:creationId xmlns:p14="http://schemas.microsoft.com/office/powerpoint/2010/main" val="978456352"/>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a:extLst>
              <a:ext uri="{FF2B5EF4-FFF2-40B4-BE49-F238E27FC236}">
                <a16:creationId xmlns:a16="http://schemas.microsoft.com/office/drawing/2014/main" id="{C3299917-5919-C212-C9EC-C46715BD32C6}"/>
              </a:ext>
            </a:extLst>
          </p:cNvPr>
          <p:cNvPicPr>
            <a:picLocks noChangeAspect="1"/>
          </p:cNvPicPr>
          <p:nvPr/>
        </p:nvPicPr>
        <p:blipFill>
          <a:blip r:embed="rId2"/>
          <a:stretch>
            <a:fillRect/>
          </a:stretch>
        </p:blipFill>
        <p:spPr>
          <a:xfrm>
            <a:off x="1623388" y="318653"/>
            <a:ext cx="8945223" cy="6220693"/>
          </a:xfrm>
          <a:prstGeom prst="rect">
            <a:avLst/>
          </a:prstGeom>
        </p:spPr>
      </p:pic>
    </p:spTree>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13" descr="biz_04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99422" y="2154237"/>
            <a:ext cx="2466181" cy="2473051"/>
          </a:xfrm>
          <a:prstGeom prst="rect">
            <a:avLst/>
          </a:prstGeom>
          <a:noFill/>
          <a:extLst>
            <a:ext uri="{909E8E84-426E-40DD-AFC4-6F175D3DCCD1}">
              <a14:hiddenFill xmlns:a14="http://schemas.microsoft.com/office/drawing/2010/main">
                <a:solidFill>
                  <a:srgbClr val="FFFFFF"/>
                </a:solidFill>
              </a14:hiddenFill>
            </a:ext>
          </a:extLst>
        </p:spPr>
      </p:pic>
      <p:sp>
        <p:nvSpPr>
          <p:cNvPr id="4" name="テキスト ボックス 3"/>
          <p:cNvSpPr txBox="1"/>
          <p:nvPr/>
        </p:nvSpPr>
        <p:spPr>
          <a:xfrm>
            <a:off x="4500563" y="4380850"/>
            <a:ext cx="3263900" cy="369332"/>
          </a:xfrm>
          <a:prstGeom prst="rect">
            <a:avLst/>
          </a:prstGeom>
          <a:noFill/>
        </p:spPr>
        <p:txBody>
          <a:bodyPr wrap="square" rtlCol="0">
            <a:spAutoFit/>
          </a:bodyPr>
          <a:lstStyle/>
          <a:p>
            <a:pPr algn="ctr"/>
            <a:r>
              <a:rPr lang="ja-JP" altLang="en-US" dirty="0">
                <a:latin typeface="Malgun Gothic" panose="020B0503020000020004" pitchFamily="34" charset="-127"/>
                <a:ea typeface="Malgun Gothic" panose="020B0503020000020004" pitchFamily="34" charset="-127"/>
              </a:rPr>
              <a:t>ありがとうございました。</a:t>
            </a:r>
            <a:endParaRPr kumimoji="1" lang="ja-JP" altLang="en-US" dirty="0">
              <a:latin typeface="Malgun Gothic" panose="020B0503020000020004" pitchFamily="34" charset="-127"/>
              <a:ea typeface="Malgun Gothic" panose="020B0503020000020004" pitchFamily="34" charset="-127"/>
            </a:endParaRPr>
          </a:p>
        </p:txBody>
      </p:sp>
      <p:sp>
        <p:nvSpPr>
          <p:cNvPr id="5" name="テキスト ボックス 4">
            <a:extLst>
              <a:ext uri="{FF2B5EF4-FFF2-40B4-BE49-F238E27FC236}">
                <a16:creationId xmlns:a16="http://schemas.microsoft.com/office/drawing/2014/main" id="{5F2036BD-DFB5-427E-8AC5-40B48AB08451}"/>
              </a:ext>
            </a:extLst>
          </p:cNvPr>
          <p:cNvSpPr txBox="1"/>
          <p:nvPr/>
        </p:nvSpPr>
        <p:spPr>
          <a:xfrm>
            <a:off x="0" y="6120505"/>
            <a:ext cx="12192000" cy="738664"/>
          </a:xfrm>
          <a:prstGeom prst="rect">
            <a:avLst/>
          </a:prstGeom>
          <a:noFill/>
        </p:spPr>
        <p:txBody>
          <a:bodyPr wrap="square">
            <a:spAutoFit/>
          </a:bodyPr>
          <a:lstStyle/>
          <a:p>
            <a:pPr algn="l"/>
            <a:r>
              <a:rPr lang="ja-JP" altLang="en-US" sz="1050" b="0" i="0" u="none" strike="noStrike" baseline="0" dirty="0">
                <a:latin typeface="UD Digi Kyokasho NK-R" panose="02020400000000000000" pitchFamily="18" charset="-128"/>
                <a:ea typeface="UD Digi Kyokasho NK-R" panose="02020400000000000000" pitchFamily="18" charset="-128"/>
              </a:rPr>
              <a:t>当レポートに掲載されているあらゆる内容は無断転載・複製を禁じます。</a:t>
            </a:r>
            <a:endParaRPr lang="en-US" altLang="ja-JP" sz="1050" b="0" i="0" u="none" strike="noStrike" baseline="0" dirty="0">
              <a:latin typeface="UD Digi Kyokasho NK-R" panose="02020400000000000000" pitchFamily="18" charset="-128"/>
              <a:ea typeface="UD Digi Kyokasho NK-R" panose="02020400000000000000" pitchFamily="18" charset="-128"/>
            </a:endParaRPr>
          </a:p>
          <a:p>
            <a:pPr algn="l"/>
            <a:r>
              <a:rPr lang="ja-JP" altLang="en-US" sz="1050" b="0" i="0" u="none" strike="noStrike" baseline="0" dirty="0">
                <a:latin typeface="UD Digi Kyokasho NK-R" panose="02020400000000000000" pitchFamily="18" charset="-128"/>
                <a:ea typeface="UD Digi Kyokasho NK-R" panose="02020400000000000000" pitchFamily="18" charset="-128"/>
              </a:rPr>
              <a:t>当レポートは信頼できると思われる情報ソースから入手した情報・データに基づき作成していますが、当社はその正確性、完全性、信頼性等を保証するものではありません。当レポートは執筆者の見解に基づき作成されたものであり、当社及び三井物産グループの統一的な見解を示すものではありません。また、当レポートのご利用により、直接的あるいは間接的な不利益・損害が発生したとしても、当社及び三井物産グループは一切責任を負いません。レポートに掲載された内容は予告なしに変更することがあります。</a:t>
            </a:r>
            <a:endParaRPr lang="ja-JP" altLang="en-US" sz="1050" dirty="0">
              <a:latin typeface="UD Digi Kyokasho NK-R" panose="02020400000000000000" pitchFamily="18" charset="-128"/>
              <a:ea typeface="UD Digi Kyokasho NK-R" panose="02020400000000000000" pitchFamily="18" charset="-128"/>
            </a:endParaRPr>
          </a:p>
        </p:txBody>
      </p:sp>
      <p:sp>
        <p:nvSpPr>
          <p:cNvPr id="2" name="四角形: 角を丸くする 1">
            <a:extLst>
              <a:ext uri="{FF2B5EF4-FFF2-40B4-BE49-F238E27FC236}">
                <a16:creationId xmlns:a16="http://schemas.microsoft.com/office/drawing/2014/main" id="{CDC4DF28-D641-5F4F-D9BD-472C5CCE185C}"/>
              </a:ext>
            </a:extLst>
          </p:cNvPr>
          <p:cNvSpPr/>
          <p:nvPr/>
        </p:nvSpPr>
        <p:spPr>
          <a:xfrm>
            <a:off x="4446876" y="4780229"/>
            <a:ext cx="3371272" cy="436743"/>
          </a:xfrm>
          <a:prstGeom prst="roundRect">
            <a:avLst/>
          </a:prstGeom>
          <a:solidFill>
            <a:srgbClr val="C00000"/>
          </a:solidFill>
          <a:ln w="57150">
            <a:solidFill>
              <a:schemeClr val="bg1"/>
            </a:solidFill>
          </a:ln>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r>
              <a:rPr kumimoji="1" lang="ja-JP" altLang="en-US" dirty="0">
                <a:latin typeface="BIZ UDPゴシック" panose="020B0400000000000000" pitchFamily="50" charset="-128"/>
                <a:ea typeface="BIZ UDPゴシック" panose="020B0400000000000000" pitchFamily="50" charset="-128"/>
              </a:rPr>
              <a:t>当該資料は</a:t>
            </a:r>
            <a:r>
              <a:rPr kumimoji="1" lang="en-US" altLang="ja-JP" dirty="0">
                <a:latin typeface="BIZ UDPゴシック" panose="020B0400000000000000" pitchFamily="50" charset="-128"/>
                <a:ea typeface="BIZ UDPゴシック" panose="020B0400000000000000" pitchFamily="50" charset="-128"/>
              </a:rPr>
              <a:t>【</a:t>
            </a:r>
            <a:r>
              <a:rPr kumimoji="1" lang="ja-JP" altLang="en-US" dirty="0">
                <a:latin typeface="BIZ UDPゴシック" panose="020B0400000000000000" pitchFamily="50" charset="-128"/>
                <a:ea typeface="BIZ UDPゴシック" panose="020B0400000000000000" pitchFamily="50" charset="-128"/>
              </a:rPr>
              <a:t>配布共有不可</a:t>
            </a:r>
            <a:r>
              <a:rPr kumimoji="1" lang="en-US" altLang="ja-JP" dirty="0">
                <a:latin typeface="BIZ UDPゴシック" panose="020B0400000000000000" pitchFamily="50" charset="-128"/>
                <a:ea typeface="BIZ UDPゴシック" panose="020B0400000000000000" pitchFamily="50" charset="-128"/>
              </a:rPr>
              <a:t>】</a:t>
            </a:r>
            <a:r>
              <a:rPr kumimoji="1" lang="ja-JP" altLang="en-US" sz="700" dirty="0">
                <a:latin typeface="BIZ UDPゴシック" panose="020B0400000000000000" pitchFamily="50" charset="-128"/>
                <a:ea typeface="BIZ UDPゴシック" panose="020B0400000000000000" pitchFamily="50" charset="-128"/>
              </a:rPr>
              <a:t>です</a:t>
            </a:r>
            <a:endParaRPr kumimoji="1" lang="ja-JP" altLang="en-US"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28905602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AutoShape 2" descr="「evil genius」の画像検索結果"/>
          <p:cNvSpPr>
            <a:spLocks noChangeAspect="1" noChangeArrowheads="1"/>
          </p:cNvSpPr>
          <p:nvPr/>
        </p:nvSpPr>
        <p:spPr bwMode="auto">
          <a:xfrm>
            <a:off x="-31750" y="-136525"/>
            <a:ext cx="1771650" cy="1771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2" name="正方形/長方形 1">
            <a:extLst>
              <a:ext uri="{FF2B5EF4-FFF2-40B4-BE49-F238E27FC236}">
                <a16:creationId xmlns:a16="http://schemas.microsoft.com/office/drawing/2014/main" id="{0C470230-E3D0-ADC2-5607-B125D781E920}"/>
              </a:ext>
            </a:extLst>
          </p:cNvPr>
          <p:cNvSpPr/>
          <p:nvPr/>
        </p:nvSpPr>
        <p:spPr>
          <a:xfrm>
            <a:off x="0" y="-3888"/>
            <a:ext cx="12192000" cy="467858"/>
          </a:xfrm>
          <a:prstGeom prst="rect">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latin typeface="BIZ UDPゴシック" panose="020B0400000000000000" pitchFamily="50" charset="-128"/>
                <a:ea typeface="BIZ UDPゴシック" panose="020B0400000000000000" pitchFamily="50" charset="-128"/>
              </a:rPr>
              <a:t>本当の情報爆発はこれから・・・</a:t>
            </a:r>
            <a:endParaRPr kumimoji="1" lang="ja-JP" altLang="en-US" sz="2400" b="1" baseline="30000" dirty="0">
              <a:latin typeface="BIZ UDPゴシック" panose="020B0400000000000000" pitchFamily="50" charset="-128"/>
              <a:ea typeface="BIZ UDPゴシック" panose="020B0400000000000000" pitchFamily="50" charset="-128"/>
            </a:endParaRPr>
          </a:p>
        </p:txBody>
      </p:sp>
      <p:sp>
        <p:nvSpPr>
          <p:cNvPr id="10" name="テキスト ボックス 9">
            <a:extLst>
              <a:ext uri="{FF2B5EF4-FFF2-40B4-BE49-F238E27FC236}">
                <a16:creationId xmlns:a16="http://schemas.microsoft.com/office/drawing/2014/main" id="{9773C66A-8E83-32B3-6EC3-B81D47EDA603}"/>
              </a:ext>
            </a:extLst>
          </p:cNvPr>
          <p:cNvSpPr txBox="1"/>
          <p:nvPr/>
        </p:nvSpPr>
        <p:spPr>
          <a:xfrm>
            <a:off x="7007494" y="6611779"/>
            <a:ext cx="5243315" cy="246221"/>
          </a:xfrm>
          <a:prstGeom prst="rect">
            <a:avLst/>
          </a:prstGeom>
          <a:noFill/>
        </p:spPr>
        <p:txBody>
          <a:bodyPr wrap="square">
            <a:spAutoFit/>
          </a:bodyPr>
          <a:lstStyle/>
          <a:p>
            <a:pPr algn="ctr"/>
            <a:r>
              <a:rPr lang="en-US" altLang="ja-JP" sz="1000" dirty="0">
                <a:latin typeface="BIZ UDゴシック" panose="020B0400000000000000" pitchFamily="49" charset="-128"/>
                <a:ea typeface="BIZ UDゴシック" panose="020B0400000000000000" pitchFamily="49" charset="-128"/>
              </a:rPr>
              <a:t>https://www.mri.co.jp/knowledge/insight/hd2tof0000009hiu-att/er20230928.pdf</a:t>
            </a:r>
            <a:endParaRPr lang="ja-JP" altLang="en-US" sz="1000" dirty="0">
              <a:latin typeface="BIZ UDゴシック" panose="020B0400000000000000" pitchFamily="49" charset="-128"/>
              <a:ea typeface="BIZ UDゴシック" panose="020B0400000000000000" pitchFamily="49" charset="-128"/>
            </a:endParaRPr>
          </a:p>
        </p:txBody>
      </p:sp>
      <p:cxnSp>
        <p:nvCxnSpPr>
          <p:cNvPr id="5" name="直線コネクタ 4">
            <a:extLst>
              <a:ext uri="{FF2B5EF4-FFF2-40B4-BE49-F238E27FC236}">
                <a16:creationId xmlns:a16="http://schemas.microsoft.com/office/drawing/2014/main" id="{B4C0692F-1C7F-158E-46B7-E3D22EC5CDE0}"/>
              </a:ext>
            </a:extLst>
          </p:cNvPr>
          <p:cNvCxnSpPr>
            <a:cxnSpLocks/>
          </p:cNvCxnSpPr>
          <p:nvPr/>
        </p:nvCxnSpPr>
        <p:spPr>
          <a:xfrm>
            <a:off x="7332292" y="1170774"/>
            <a:ext cx="0" cy="5010347"/>
          </a:xfrm>
          <a:prstGeom prst="line">
            <a:avLst/>
          </a:prstGeom>
        </p:spPr>
        <p:style>
          <a:lnRef idx="1">
            <a:schemeClr val="accent1"/>
          </a:lnRef>
          <a:fillRef idx="0">
            <a:schemeClr val="accent1"/>
          </a:fillRef>
          <a:effectRef idx="0">
            <a:schemeClr val="accent1"/>
          </a:effectRef>
          <a:fontRef idx="minor">
            <a:schemeClr val="tx1"/>
          </a:fontRef>
        </p:style>
      </p:cxnSp>
      <p:cxnSp>
        <p:nvCxnSpPr>
          <p:cNvPr id="11" name="直線コネクタ 10">
            <a:extLst>
              <a:ext uri="{FF2B5EF4-FFF2-40B4-BE49-F238E27FC236}">
                <a16:creationId xmlns:a16="http://schemas.microsoft.com/office/drawing/2014/main" id="{1FD6BD35-BD4F-CDD5-DCD7-D0DBFFB9F492}"/>
              </a:ext>
            </a:extLst>
          </p:cNvPr>
          <p:cNvCxnSpPr/>
          <p:nvPr/>
        </p:nvCxnSpPr>
        <p:spPr>
          <a:xfrm>
            <a:off x="7228471" y="6110243"/>
            <a:ext cx="4214348" cy="0"/>
          </a:xfrm>
          <a:prstGeom prst="line">
            <a:avLst/>
          </a:prstGeom>
        </p:spPr>
        <p:style>
          <a:lnRef idx="1">
            <a:schemeClr val="accent1"/>
          </a:lnRef>
          <a:fillRef idx="0">
            <a:schemeClr val="accent1"/>
          </a:fillRef>
          <a:effectRef idx="0">
            <a:schemeClr val="accent1"/>
          </a:effectRef>
          <a:fontRef idx="minor">
            <a:schemeClr val="tx1"/>
          </a:fontRef>
        </p:style>
      </p:cxnSp>
      <p:sp>
        <p:nvSpPr>
          <p:cNvPr id="12" name="正方形/長方形 11">
            <a:extLst>
              <a:ext uri="{FF2B5EF4-FFF2-40B4-BE49-F238E27FC236}">
                <a16:creationId xmlns:a16="http://schemas.microsoft.com/office/drawing/2014/main" id="{2987A04F-B521-F022-0AAC-55B0566D891D}"/>
              </a:ext>
            </a:extLst>
          </p:cNvPr>
          <p:cNvSpPr/>
          <p:nvPr/>
        </p:nvSpPr>
        <p:spPr>
          <a:xfrm>
            <a:off x="7864980" y="6076059"/>
            <a:ext cx="572567" cy="45719"/>
          </a:xfrm>
          <a:prstGeom prst="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a:extLst>
              <a:ext uri="{FF2B5EF4-FFF2-40B4-BE49-F238E27FC236}">
                <a16:creationId xmlns:a16="http://schemas.microsoft.com/office/drawing/2014/main" id="{2EF827B7-2CF1-2C73-791F-ECEA4EA382CB}"/>
              </a:ext>
            </a:extLst>
          </p:cNvPr>
          <p:cNvSpPr/>
          <p:nvPr/>
        </p:nvSpPr>
        <p:spPr>
          <a:xfrm>
            <a:off x="9335645" y="5653924"/>
            <a:ext cx="572567" cy="422136"/>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正方形/長方形 13">
            <a:extLst>
              <a:ext uri="{FF2B5EF4-FFF2-40B4-BE49-F238E27FC236}">
                <a16:creationId xmlns:a16="http://schemas.microsoft.com/office/drawing/2014/main" id="{68389AAA-A8C9-7356-C4CF-731DC1022B7D}"/>
              </a:ext>
            </a:extLst>
          </p:cNvPr>
          <p:cNvSpPr/>
          <p:nvPr/>
        </p:nvSpPr>
        <p:spPr>
          <a:xfrm>
            <a:off x="10685881" y="1478424"/>
            <a:ext cx="572567" cy="4634808"/>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a:extLst>
              <a:ext uri="{FF2B5EF4-FFF2-40B4-BE49-F238E27FC236}">
                <a16:creationId xmlns:a16="http://schemas.microsoft.com/office/drawing/2014/main" id="{631F589D-664F-A058-773B-5F537A2E7D69}"/>
              </a:ext>
            </a:extLst>
          </p:cNvPr>
          <p:cNvSpPr/>
          <p:nvPr/>
        </p:nvSpPr>
        <p:spPr>
          <a:xfrm>
            <a:off x="10685881" y="1316052"/>
            <a:ext cx="572566" cy="974217"/>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テキスト ボックス 15">
            <a:extLst>
              <a:ext uri="{FF2B5EF4-FFF2-40B4-BE49-F238E27FC236}">
                <a16:creationId xmlns:a16="http://schemas.microsoft.com/office/drawing/2014/main" id="{65B76BA8-E00D-5649-0F4A-50A13AD9D477}"/>
              </a:ext>
            </a:extLst>
          </p:cNvPr>
          <p:cNvSpPr txBox="1"/>
          <p:nvPr/>
        </p:nvSpPr>
        <p:spPr>
          <a:xfrm>
            <a:off x="7911586" y="5614394"/>
            <a:ext cx="479354" cy="461665"/>
          </a:xfrm>
          <a:prstGeom prst="rect">
            <a:avLst/>
          </a:prstGeom>
          <a:noFill/>
        </p:spPr>
        <p:txBody>
          <a:bodyPr wrap="square" rtlCol="0">
            <a:spAutoFit/>
          </a:bodyPr>
          <a:lstStyle/>
          <a:p>
            <a:pPr algn="ctr"/>
            <a:r>
              <a:rPr kumimoji="1" lang="en-US" altLang="ja-JP" sz="2400" dirty="0">
                <a:latin typeface="Amasis MT Pro Black" panose="02040A04050005020304" pitchFamily="18" charset="0"/>
              </a:rPr>
              <a:t>1</a:t>
            </a:r>
            <a:endParaRPr kumimoji="1" lang="ja-JP" altLang="en-US" sz="2400" dirty="0">
              <a:latin typeface="Amasis MT Pro Black" panose="02040A04050005020304" pitchFamily="18" charset="0"/>
            </a:endParaRPr>
          </a:p>
        </p:txBody>
      </p:sp>
      <p:sp>
        <p:nvSpPr>
          <p:cNvPr id="17" name="テキスト ボックス 16">
            <a:extLst>
              <a:ext uri="{FF2B5EF4-FFF2-40B4-BE49-F238E27FC236}">
                <a16:creationId xmlns:a16="http://schemas.microsoft.com/office/drawing/2014/main" id="{129BE8FE-561A-2CCC-4609-64440ED68FE2}"/>
              </a:ext>
            </a:extLst>
          </p:cNvPr>
          <p:cNvSpPr txBox="1"/>
          <p:nvPr/>
        </p:nvSpPr>
        <p:spPr>
          <a:xfrm>
            <a:off x="10428776" y="894628"/>
            <a:ext cx="1057026" cy="461665"/>
          </a:xfrm>
          <a:prstGeom prst="rect">
            <a:avLst/>
          </a:prstGeom>
          <a:noFill/>
        </p:spPr>
        <p:txBody>
          <a:bodyPr wrap="square" rtlCol="0">
            <a:spAutoFit/>
          </a:bodyPr>
          <a:lstStyle/>
          <a:p>
            <a:pPr algn="ctr"/>
            <a:r>
              <a:rPr kumimoji="1" lang="en-US" altLang="ja-JP" sz="2400" dirty="0">
                <a:latin typeface="Amasis MT Pro Black" panose="02040A04050005020304" pitchFamily="18" charset="0"/>
              </a:rPr>
              <a:t>348</a:t>
            </a:r>
            <a:endParaRPr kumimoji="1" lang="ja-JP" altLang="en-US" sz="2400" dirty="0">
              <a:latin typeface="Amasis MT Pro Black" panose="02040A04050005020304" pitchFamily="18" charset="0"/>
            </a:endParaRPr>
          </a:p>
        </p:txBody>
      </p:sp>
      <p:sp>
        <p:nvSpPr>
          <p:cNvPr id="18" name="テキスト ボックス 17">
            <a:extLst>
              <a:ext uri="{FF2B5EF4-FFF2-40B4-BE49-F238E27FC236}">
                <a16:creationId xmlns:a16="http://schemas.microsoft.com/office/drawing/2014/main" id="{EC63485E-DACD-F162-E1FA-97783AB8C591}"/>
              </a:ext>
            </a:extLst>
          </p:cNvPr>
          <p:cNvSpPr txBox="1"/>
          <p:nvPr/>
        </p:nvSpPr>
        <p:spPr>
          <a:xfrm>
            <a:off x="9069453" y="5235882"/>
            <a:ext cx="1057026" cy="461665"/>
          </a:xfrm>
          <a:prstGeom prst="rect">
            <a:avLst/>
          </a:prstGeom>
          <a:noFill/>
        </p:spPr>
        <p:txBody>
          <a:bodyPr wrap="square" rtlCol="0">
            <a:spAutoFit/>
          </a:bodyPr>
          <a:lstStyle/>
          <a:p>
            <a:pPr algn="ctr"/>
            <a:r>
              <a:rPr kumimoji="1" lang="en-US" altLang="ja-JP" sz="2400" dirty="0">
                <a:latin typeface="Amasis MT Pro Black" panose="02040A04050005020304" pitchFamily="18" charset="0"/>
              </a:rPr>
              <a:t>14</a:t>
            </a:r>
            <a:endParaRPr kumimoji="1" lang="ja-JP" altLang="en-US" sz="2400" dirty="0">
              <a:latin typeface="Amasis MT Pro Black" panose="02040A04050005020304" pitchFamily="18" charset="0"/>
            </a:endParaRPr>
          </a:p>
        </p:txBody>
      </p:sp>
      <p:sp>
        <p:nvSpPr>
          <p:cNvPr id="19" name="正方形/長方形 18">
            <a:extLst>
              <a:ext uri="{FF2B5EF4-FFF2-40B4-BE49-F238E27FC236}">
                <a16:creationId xmlns:a16="http://schemas.microsoft.com/office/drawing/2014/main" id="{7F2B0C7C-BF0F-1AE6-0E96-1242FA34292A}"/>
              </a:ext>
            </a:extLst>
          </p:cNvPr>
          <p:cNvSpPr/>
          <p:nvPr/>
        </p:nvSpPr>
        <p:spPr>
          <a:xfrm>
            <a:off x="10685881" y="2290270"/>
            <a:ext cx="572566" cy="632392"/>
          </a:xfrm>
          <a:prstGeom prst="rect">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a:extLst>
              <a:ext uri="{FF2B5EF4-FFF2-40B4-BE49-F238E27FC236}">
                <a16:creationId xmlns:a16="http://schemas.microsoft.com/office/drawing/2014/main" id="{284597E8-5DB9-3105-A3BF-6C53E0EFDD58}"/>
              </a:ext>
            </a:extLst>
          </p:cNvPr>
          <p:cNvSpPr/>
          <p:nvPr/>
        </p:nvSpPr>
        <p:spPr>
          <a:xfrm>
            <a:off x="10685881" y="2922662"/>
            <a:ext cx="572566" cy="441899"/>
          </a:xfrm>
          <a:prstGeom prst="rect">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a:extLst>
              <a:ext uri="{FF2B5EF4-FFF2-40B4-BE49-F238E27FC236}">
                <a16:creationId xmlns:a16="http://schemas.microsoft.com/office/drawing/2014/main" id="{AE8769E6-6D56-CFD2-E968-0550F9C9043C}"/>
              </a:ext>
            </a:extLst>
          </p:cNvPr>
          <p:cNvSpPr/>
          <p:nvPr/>
        </p:nvSpPr>
        <p:spPr>
          <a:xfrm>
            <a:off x="10685881" y="3364563"/>
            <a:ext cx="572566" cy="814329"/>
          </a:xfrm>
          <a:prstGeom prst="rect">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正方形/長方形 21">
            <a:extLst>
              <a:ext uri="{FF2B5EF4-FFF2-40B4-BE49-F238E27FC236}">
                <a16:creationId xmlns:a16="http://schemas.microsoft.com/office/drawing/2014/main" id="{384C1E76-2A84-A3C4-22E3-EDE94733B3E3}"/>
              </a:ext>
            </a:extLst>
          </p:cNvPr>
          <p:cNvSpPr/>
          <p:nvPr/>
        </p:nvSpPr>
        <p:spPr>
          <a:xfrm>
            <a:off x="10685881" y="4179092"/>
            <a:ext cx="572566" cy="378312"/>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a:extLst>
              <a:ext uri="{FF2B5EF4-FFF2-40B4-BE49-F238E27FC236}">
                <a16:creationId xmlns:a16="http://schemas.microsoft.com/office/drawing/2014/main" id="{3B1C0AE0-511D-74D9-C533-A51A27AA0680}"/>
              </a:ext>
            </a:extLst>
          </p:cNvPr>
          <p:cNvSpPr/>
          <p:nvPr/>
        </p:nvSpPr>
        <p:spPr>
          <a:xfrm>
            <a:off x="10685881" y="4557403"/>
            <a:ext cx="572566" cy="659801"/>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a:extLst>
              <a:ext uri="{FF2B5EF4-FFF2-40B4-BE49-F238E27FC236}">
                <a16:creationId xmlns:a16="http://schemas.microsoft.com/office/drawing/2014/main" id="{3C75B570-51EA-78C3-A154-B73290FB687D}"/>
              </a:ext>
            </a:extLst>
          </p:cNvPr>
          <p:cNvSpPr/>
          <p:nvPr/>
        </p:nvSpPr>
        <p:spPr>
          <a:xfrm>
            <a:off x="10685881" y="5213526"/>
            <a:ext cx="572566" cy="236917"/>
          </a:xfrm>
          <a:prstGeom prst="rect">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a:extLst>
              <a:ext uri="{FF2B5EF4-FFF2-40B4-BE49-F238E27FC236}">
                <a16:creationId xmlns:a16="http://schemas.microsoft.com/office/drawing/2014/main" id="{29917FE3-3765-292E-438E-3708F638CB05}"/>
              </a:ext>
            </a:extLst>
          </p:cNvPr>
          <p:cNvSpPr/>
          <p:nvPr/>
        </p:nvSpPr>
        <p:spPr>
          <a:xfrm>
            <a:off x="10693104" y="5450443"/>
            <a:ext cx="572566" cy="671336"/>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a:extLst>
              <a:ext uri="{FF2B5EF4-FFF2-40B4-BE49-F238E27FC236}">
                <a16:creationId xmlns:a16="http://schemas.microsoft.com/office/drawing/2014/main" id="{6B9C41E9-F924-1AB0-41AA-63C4A849029B}"/>
              </a:ext>
            </a:extLst>
          </p:cNvPr>
          <p:cNvSpPr/>
          <p:nvPr/>
        </p:nvSpPr>
        <p:spPr>
          <a:xfrm>
            <a:off x="9336339" y="5665772"/>
            <a:ext cx="572566" cy="176952"/>
          </a:xfrm>
          <a:prstGeom prst="rect">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a:extLst>
              <a:ext uri="{FF2B5EF4-FFF2-40B4-BE49-F238E27FC236}">
                <a16:creationId xmlns:a16="http://schemas.microsoft.com/office/drawing/2014/main" id="{38E636DC-6AC5-8DDC-9EC6-CB1C70E96F8A}"/>
              </a:ext>
            </a:extLst>
          </p:cNvPr>
          <p:cNvSpPr/>
          <p:nvPr/>
        </p:nvSpPr>
        <p:spPr>
          <a:xfrm>
            <a:off x="9342869" y="5842724"/>
            <a:ext cx="572566" cy="95952"/>
          </a:xfrm>
          <a:prstGeom prst="rect">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a:extLst>
              <a:ext uri="{FF2B5EF4-FFF2-40B4-BE49-F238E27FC236}">
                <a16:creationId xmlns:a16="http://schemas.microsoft.com/office/drawing/2014/main" id="{AAD84CB2-633E-28F9-D1E4-4A94D75B8191}"/>
              </a:ext>
            </a:extLst>
          </p:cNvPr>
          <p:cNvSpPr/>
          <p:nvPr/>
        </p:nvSpPr>
        <p:spPr>
          <a:xfrm>
            <a:off x="9335646" y="5936796"/>
            <a:ext cx="572566" cy="170621"/>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テキスト ボックス 28">
            <a:extLst>
              <a:ext uri="{FF2B5EF4-FFF2-40B4-BE49-F238E27FC236}">
                <a16:creationId xmlns:a16="http://schemas.microsoft.com/office/drawing/2014/main" id="{A3B14145-C406-E164-9F78-14FC044E807F}"/>
              </a:ext>
            </a:extLst>
          </p:cNvPr>
          <p:cNvSpPr txBox="1"/>
          <p:nvPr/>
        </p:nvSpPr>
        <p:spPr>
          <a:xfrm>
            <a:off x="11174964" y="1711686"/>
            <a:ext cx="809196" cy="276999"/>
          </a:xfrm>
          <a:prstGeom prst="rect">
            <a:avLst/>
          </a:prstGeom>
          <a:noFill/>
        </p:spPr>
        <p:txBody>
          <a:bodyPr wrap="square" rtlCol="0">
            <a:spAutoFit/>
          </a:bodyPr>
          <a:lstStyle/>
          <a:p>
            <a:pPr algn="ctr"/>
            <a:r>
              <a:rPr kumimoji="1" lang="ja-JP" altLang="en-US" sz="1200" dirty="0">
                <a:latin typeface="BIZ UDPゴシック" panose="020B0400000000000000" pitchFamily="50" charset="-128"/>
                <a:ea typeface="BIZ UDPゴシック" panose="020B0400000000000000" pitchFamily="50" charset="-128"/>
              </a:rPr>
              <a:t>生成</a:t>
            </a:r>
            <a:r>
              <a:rPr kumimoji="1" lang="en-US" altLang="ja-JP" sz="1200" dirty="0">
                <a:latin typeface="BIZ UDPゴシック" panose="020B0400000000000000" pitchFamily="50" charset="-128"/>
                <a:ea typeface="BIZ UDPゴシック" panose="020B0400000000000000" pitchFamily="50" charset="-128"/>
              </a:rPr>
              <a:t>AI</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30" name="テキスト ボックス 29">
            <a:extLst>
              <a:ext uri="{FF2B5EF4-FFF2-40B4-BE49-F238E27FC236}">
                <a16:creationId xmlns:a16="http://schemas.microsoft.com/office/drawing/2014/main" id="{1A5AB7B7-C554-58A0-9C8A-BE15790B2E84}"/>
              </a:ext>
            </a:extLst>
          </p:cNvPr>
          <p:cNvSpPr txBox="1"/>
          <p:nvPr/>
        </p:nvSpPr>
        <p:spPr>
          <a:xfrm>
            <a:off x="11209148" y="2468481"/>
            <a:ext cx="809196" cy="276999"/>
          </a:xfrm>
          <a:prstGeom prst="rect">
            <a:avLst/>
          </a:prstGeom>
          <a:noFill/>
        </p:spPr>
        <p:txBody>
          <a:bodyPr wrap="square" rtlCol="0">
            <a:spAutoFit/>
          </a:bodyPr>
          <a:lstStyle/>
          <a:p>
            <a:pPr algn="ctr"/>
            <a:r>
              <a:rPr kumimoji="1" lang="ja-JP" altLang="en-US" sz="1200" dirty="0">
                <a:latin typeface="BIZ UDPゴシック" panose="020B0400000000000000" pitchFamily="50" charset="-128"/>
                <a:ea typeface="BIZ UDPゴシック" panose="020B0400000000000000" pitchFamily="50" charset="-128"/>
              </a:rPr>
              <a:t>機器制御</a:t>
            </a:r>
          </a:p>
        </p:txBody>
      </p:sp>
      <p:sp>
        <p:nvSpPr>
          <p:cNvPr id="31" name="テキスト ボックス 30">
            <a:extLst>
              <a:ext uri="{FF2B5EF4-FFF2-40B4-BE49-F238E27FC236}">
                <a16:creationId xmlns:a16="http://schemas.microsoft.com/office/drawing/2014/main" id="{C6660333-6197-3752-2640-08D535C30578}"/>
              </a:ext>
            </a:extLst>
          </p:cNvPr>
          <p:cNvSpPr txBox="1"/>
          <p:nvPr/>
        </p:nvSpPr>
        <p:spPr>
          <a:xfrm>
            <a:off x="11209148" y="2975374"/>
            <a:ext cx="809196" cy="276999"/>
          </a:xfrm>
          <a:prstGeom prst="rect">
            <a:avLst/>
          </a:prstGeom>
          <a:noFill/>
        </p:spPr>
        <p:txBody>
          <a:bodyPr wrap="square" rtlCol="0">
            <a:spAutoFit/>
          </a:bodyPr>
          <a:lstStyle/>
          <a:p>
            <a:pPr algn="ctr"/>
            <a:r>
              <a:rPr kumimoji="1" lang="ja-JP" altLang="en-US" sz="1200" dirty="0">
                <a:latin typeface="BIZ UDPゴシック" panose="020B0400000000000000" pitchFamily="50" charset="-128"/>
                <a:ea typeface="BIZ UDPゴシック" panose="020B0400000000000000" pitchFamily="50" charset="-128"/>
              </a:rPr>
              <a:t>センサー</a:t>
            </a:r>
          </a:p>
        </p:txBody>
      </p:sp>
      <p:sp>
        <p:nvSpPr>
          <p:cNvPr id="32" name="テキスト ボックス 31">
            <a:extLst>
              <a:ext uri="{FF2B5EF4-FFF2-40B4-BE49-F238E27FC236}">
                <a16:creationId xmlns:a16="http://schemas.microsoft.com/office/drawing/2014/main" id="{FE2A86CB-1E87-4A92-C3E1-5CDB28AAD8CA}"/>
              </a:ext>
            </a:extLst>
          </p:cNvPr>
          <p:cNvSpPr txBox="1"/>
          <p:nvPr/>
        </p:nvSpPr>
        <p:spPr>
          <a:xfrm>
            <a:off x="11226228" y="5677333"/>
            <a:ext cx="809196" cy="276999"/>
          </a:xfrm>
          <a:prstGeom prst="rect">
            <a:avLst/>
          </a:prstGeom>
          <a:noFill/>
        </p:spPr>
        <p:txBody>
          <a:bodyPr wrap="square" rtlCol="0">
            <a:spAutoFit/>
          </a:bodyPr>
          <a:lstStyle/>
          <a:p>
            <a:pPr algn="ctr"/>
            <a:r>
              <a:rPr kumimoji="1" lang="ja-JP" altLang="en-US" sz="1200" dirty="0">
                <a:latin typeface="BIZ UDPゴシック" panose="020B0400000000000000" pitchFamily="50" charset="-128"/>
                <a:ea typeface="BIZ UDPゴシック" panose="020B0400000000000000" pitchFamily="50" charset="-128"/>
              </a:rPr>
              <a:t>動画</a:t>
            </a:r>
          </a:p>
        </p:txBody>
      </p:sp>
      <p:sp>
        <p:nvSpPr>
          <p:cNvPr id="33" name="テキスト ボックス 32">
            <a:extLst>
              <a:ext uri="{FF2B5EF4-FFF2-40B4-BE49-F238E27FC236}">
                <a16:creationId xmlns:a16="http://schemas.microsoft.com/office/drawing/2014/main" id="{9DC85D40-5071-85F6-6751-19A6D2159B10}"/>
              </a:ext>
            </a:extLst>
          </p:cNvPr>
          <p:cNvSpPr txBox="1"/>
          <p:nvPr/>
        </p:nvSpPr>
        <p:spPr>
          <a:xfrm>
            <a:off x="11216706" y="3609100"/>
            <a:ext cx="809196" cy="276999"/>
          </a:xfrm>
          <a:prstGeom prst="rect">
            <a:avLst/>
          </a:prstGeom>
          <a:noFill/>
        </p:spPr>
        <p:txBody>
          <a:bodyPr wrap="square" rtlCol="0">
            <a:spAutoFit/>
          </a:bodyPr>
          <a:lstStyle/>
          <a:p>
            <a:pPr algn="ctr"/>
            <a:r>
              <a:rPr kumimoji="1" lang="ja-JP" altLang="en-US" sz="1200" dirty="0">
                <a:latin typeface="BIZ UDPゴシック" panose="020B0400000000000000" pitchFamily="50" charset="-128"/>
                <a:ea typeface="BIZ UDPゴシック" panose="020B0400000000000000" pitchFamily="50" charset="-128"/>
              </a:rPr>
              <a:t>自動車</a:t>
            </a:r>
          </a:p>
        </p:txBody>
      </p:sp>
      <p:sp>
        <p:nvSpPr>
          <p:cNvPr id="34" name="テキスト ボックス 33">
            <a:extLst>
              <a:ext uri="{FF2B5EF4-FFF2-40B4-BE49-F238E27FC236}">
                <a16:creationId xmlns:a16="http://schemas.microsoft.com/office/drawing/2014/main" id="{B6A51006-858A-C4DD-FAF4-E368D5300589}"/>
              </a:ext>
            </a:extLst>
          </p:cNvPr>
          <p:cNvSpPr txBox="1"/>
          <p:nvPr/>
        </p:nvSpPr>
        <p:spPr>
          <a:xfrm>
            <a:off x="11216706" y="5197468"/>
            <a:ext cx="809196" cy="276999"/>
          </a:xfrm>
          <a:prstGeom prst="rect">
            <a:avLst/>
          </a:prstGeom>
          <a:noFill/>
        </p:spPr>
        <p:txBody>
          <a:bodyPr wrap="square" rtlCol="0">
            <a:spAutoFit/>
          </a:bodyPr>
          <a:lstStyle/>
          <a:p>
            <a:pPr algn="ctr"/>
            <a:r>
              <a:rPr kumimoji="1" lang="ja-JP" altLang="en-US" sz="1200" dirty="0">
                <a:latin typeface="BIZ UDPゴシック" panose="020B0400000000000000" pitchFamily="50" charset="-128"/>
                <a:ea typeface="BIZ UDPゴシック" panose="020B0400000000000000" pitchFamily="50" charset="-128"/>
              </a:rPr>
              <a:t>放送</a:t>
            </a:r>
          </a:p>
        </p:txBody>
      </p:sp>
      <p:sp>
        <p:nvSpPr>
          <p:cNvPr id="35" name="テキスト ボックス 34">
            <a:extLst>
              <a:ext uri="{FF2B5EF4-FFF2-40B4-BE49-F238E27FC236}">
                <a16:creationId xmlns:a16="http://schemas.microsoft.com/office/drawing/2014/main" id="{F2DB5ACB-E934-9629-7D95-EBCD75A2E341}"/>
              </a:ext>
            </a:extLst>
          </p:cNvPr>
          <p:cNvSpPr txBox="1"/>
          <p:nvPr/>
        </p:nvSpPr>
        <p:spPr>
          <a:xfrm>
            <a:off x="11174964" y="4229748"/>
            <a:ext cx="951518" cy="415498"/>
          </a:xfrm>
          <a:prstGeom prst="rect">
            <a:avLst/>
          </a:prstGeom>
          <a:noFill/>
        </p:spPr>
        <p:txBody>
          <a:bodyPr wrap="square" rtlCol="0">
            <a:spAutoFit/>
          </a:bodyPr>
          <a:lstStyle/>
          <a:p>
            <a:pPr algn="ctr"/>
            <a:r>
              <a:rPr kumimoji="1" lang="ja-JP" altLang="en-US" sz="1050" dirty="0">
                <a:latin typeface="BIZ UDPゴシック" panose="020B0400000000000000" pitchFamily="50" charset="-128"/>
                <a:ea typeface="BIZ UDPゴシック" panose="020B0400000000000000" pitchFamily="50" charset="-128"/>
              </a:rPr>
              <a:t>メタバース</a:t>
            </a:r>
            <a:endParaRPr kumimoji="1" lang="en-US" altLang="ja-JP" sz="1050" dirty="0">
              <a:latin typeface="BIZ UDPゴシック" panose="020B0400000000000000" pitchFamily="50" charset="-128"/>
              <a:ea typeface="BIZ UDPゴシック" panose="020B0400000000000000" pitchFamily="50" charset="-128"/>
            </a:endParaRPr>
          </a:p>
          <a:p>
            <a:pPr algn="ctr"/>
            <a:r>
              <a:rPr lang="ja-JP" altLang="en-US" sz="1050" dirty="0">
                <a:latin typeface="BIZ UDPゴシック" panose="020B0400000000000000" pitchFamily="50" charset="-128"/>
                <a:ea typeface="BIZ UDPゴシック" panose="020B0400000000000000" pitchFamily="50" charset="-128"/>
              </a:rPr>
              <a:t>オフィス活用</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36" name="テキスト ボックス 35">
            <a:extLst>
              <a:ext uri="{FF2B5EF4-FFF2-40B4-BE49-F238E27FC236}">
                <a16:creationId xmlns:a16="http://schemas.microsoft.com/office/drawing/2014/main" id="{590EDD17-7E24-6223-57AF-8459EC0B7655}"/>
              </a:ext>
            </a:extLst>
          </p:cNvPr>
          <p:cNvSpPr txBox="1"/>
          <p:nvPr/>
        </p:nvSpPr>
        <p:spPr>
          <a:xfrm>
            <a:off x="11216706" y="4725763"/>
            <a:ext cx="951518" cy="415498"/>
          </a:xfrm>
          <a:prstGeom prst="rect">
            <a:avLst/>
          </a:prstGeom>
          <a:noFill/>
        </p:spPr>
        <p:txBody>
          <a:bodyPr wrap="square" rtlCol="0">
            <a:spAutoFit/>
          </a:bodyPr>
          <a:lstStyle/>
          <a:p>
            <a:pPr algn="ctr"/>
            <a:r>
              <a:rPr kumimoji="1" lang="ja-JP" altLang="en-US" sz="1050" dirty="0">
                <a:latin typeface="BIZ UDPゴシック" panose="020B0400000000000000" pitchFamily="50" charset="-128"/>
                <a:ea typeface="BIZ UDPゴシック" panose="020B0400000000000000" pitchFamily="50" charset="-128"/>
              </a:rPr>
              <a:t>メタバース</a:t>
            </a:r>
            <a:endParaRPr kumimoji="1" lang="en-US" altLang="ja-JP" sz="1050" dirty="0">
              <a:latin typeface="BIZ UDPゴシック" panose="020B0400000000000000" pitchFamily="50" charset="-128"/>
              <a:ea typeface="BIZ UDPゴシック" panose="020B0400000000000000" pitchFamily="50" charset="-128"/>
            </a:endParaRPr>
          </a:p>
          <a:p>
            <a:pPr algn="ctr"/>
            <a:r>
              <a:rPr lang="ja-JP" altLang="en-US" sz="1050" dirty="0">
                <a:latin typeface="BIZ UDPゴシック" panose="020B0400000000000000" pitchFamily="50" charset="-128"/>
                <a:ea typeface="BIZ UDPゴシック" panose="020B0400000000000000" pitchFamily="50" charset="-128"/>
              </a:rPr>
              <a:t>私的活用</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38" name="テキスト ボックス 37">
            <a:extLst>
              <a:ext uri="{FF2B5EF4-FFF2-40B4-BE49-F238E27FC236}">
                <a16:creationId xmlns:a16="http://schemas.microsoft.com/office/drawing/2014/main" id="{AF6B3D3A-C9DF-17C9-1078-B18130CD2FB2}"/>
              </a:ext>
            </a:extLst>
          </p:cNvPr>
          <p:cNvSpPr txBox="1"/>
          <p:nvPr/>
        </p:nvSpPr>
        <p:spPr>
          <a:xfrm>
            <a:off x="7746665" y="6139189"/>
            <a:ext cx="809196" cy="276999"/>
          </a:xfrm>
          <a:prstGeom prst="rect">
            <a:avLst/>
          </a:prstGeom>
          <a:noFill/>
        </p:spPr>
        <p:txBody>
          <a:bodyPr wrap="square" rtlCol="0">
            <a:spAutoFit/>
          </a:bodyPr>
          <a:lstStyle/>
          <a:p>
            <a:pPr algn="ctr"/>
            <a:r>
              <a:rPr lang="en-US" altLang="ja-JP" sz="1200" dirty="0">
                <a:latin typeface="BIZ UDPゴシック" panose="020B0400000000000000" pitchFamily="50" charset="-128"/>
                <a:ea typeface="BIZ UDPゴシック" panose="020B0400000000000000" pitchFamily="50" charset="-128"/>
              </a:rPr>
              <a:t>2020</a:t>
            </a:r>
            <a:r>
              <a:rPr lang="ja-JP" altLang="en-US" sz="1200" dirty="0">
                <a:latin typeface="BIZ UDPゴシック" panose="020B0400000000000000" pitchFamily="50" charset="-128"/>
                <a:ea typeface="BIZ UDPゴシック" panose="020B0400000000000000" pitchFamily="50" charset="-128"/>
              </a:rPr>
              <a:t>年</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39" name="テキスト ボックス 38">
            <a:extLst>
              <a:ext uri="{FF2B5EF4-FFF2-40B4-BE49-F238E27FC236}">
                <a16:creationId xmlns:a16="http://schemas.microsoft.com/office/drawing/2014/main" id="{69A78015-6205-5C0E-C258-EB5F66200079}"/>
              </a:ext>
            </a:extLst>
          </p:cNvPr>
          <p:cNvSpPr txBox="1"/>
          <p:nvPr/>
        </p:nvSpPr>
        <p:spPr>
          <a:xfrm>
            <a:off x="9217330" y="6114083"/>
            <a:ext cx="809196" cy="276999"/>
          </a:xfrm>
          <a:prstGeom prst="rect">
            <a:avLst/>
          </a:prstGeom>
          <a:noFill/>
        </p:spPr>
        <p:txBody>
          <a:bodyPr wrap="square" rtlCol="0">
            <a:spAutoFit/>
          </a:bodyPr>
          <a:lstStyle/>
          <a:p>
            <a:pPr algn="ctr"/>
            <a:r>
              <a:rPr lang="en-US" altLang="ja-JP" sz="1200" dirty="0">
                <a:latin typeface="BIZ UDPゴシック" panose="020B0400000000000000" pitchFamily="50" charset="-128"/>
                <a:ea typeface="BIZ UDPゴシック" panose="020B0400000000000000" pitchFamily="50" charset="-128"/>
              </a:rPr>
              <a:t>2030</a:t>
            </a:r>
            <a:r>
              <a:rPr lang="ja-JP" altLang="en-US" sz="1200" dirty="0">
                <a:latin typeface="BIZ UDPゴシック" panose="020B0400000000000000" pitchFamily="50" charset="-128"/>
                <a:ea typeface="BIZ UDPゴシック" panose="020B0400000000000000" pitchFamily="50" charset="-128"/>
              </a:rPr>
              <a:t>年</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40" name="テキスト ボックス 39">
            <a:extLst>
              <a:ext uri="{FF2B5EF4-FFF2-40B4-BE49-F238E27FC236}">
                <a16:creationId xmlns:a16="http://schemas.microsoft.com/office/drawing/2014/main" id="{860B49F9-AC83-C403-04B5-6DA3A08EA3EC}"/>
              </a:ext>
            </a:extLst>
          </p:cNvPr>
          <p:cNvSpPr txBox="1"/>
          <p:nvPr/>
        </p:nvSpPr>
        <p:spPr>
          <a:xfrm>
            <a:off x="10552691" y="6113070"/>
            <a:ext cx="809196" cy="276999"/>
          </a:xfrm>
          <a:prstGeom prst="rect">
            <a:avLst/>
          </a:prstGeom>
          <a:noFill/>
        </p:spPr>
        <p:txBody>
          <a:bodyPr wrap="square" rtlCol="0">
            <a:spAutoFit/>
          </a:bodyPr>
          <a:lstStyle/>
          <a:p>
            <a:pPr algn="ctr"/>
            <a:r>
              <a:rPr lang="en-US" altLang="ja-JP" sz="1200" dirty="0">
                <a:latin typeface="BIZ UDPゴシック" panose="020B0400000000000000" pitchFamily="50" charset="-128"/>
                <a:ea typeface="BIZ UDPゴシック" panose="020B0400000000000000" pitchFamily="50" charset="-128"/>
              </a:rPr>
              <a:t>20</a:t>
            </a:r>
            <a:r>
              <a:rPr lang="ja-JP" altLang="en-US" sz="1200" dirty="0">
                <a:latin typeface="BIZ UDPゴシック" panose="020B0400000000000000" pitchFamily="50" charset="-128"/>
                <a:ea typeface="BIZ UDPゴシック" panose="020B0400000000000000" pitchFamily="50" charset="-128"/>
              </a:rPr>
              <a:t>４</a:t>
            </a:r>
            <a:r>
              <a:rPr lang="en-US" altLang="ja-JP" sz="1200" dirty="0">
                <a:latin typeface="BIZ UDPゴシック" panose="020B0400000000000000" pitchFamily="50" charset="-128"/>
                <a:ea typeface="BIZ UDPゴシック" panose="020B0400000000000000" pitchFamily="50" charset="-128"/>
              </a:rPr>
              <a:t>0</a:t>
            </a:r>
            <a:r>
              <a:rPr lang="ja-JP" altLang="en-US" sz="1200" dirty="0">
                <a:latin typeface="BIZ UDPゴシック" panose="020B0400000000000000" pitchFamily="50" charset="-128"/>
                <a:ea typeface="BIZ UDPゴシック" panose="020B0400000000000000" pitchFamily="50" charset="-128"/>
              </a:rPr>
              <a:t>年</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41" name="テキスト ボックス 40">
            <a:extLst>
              <a:ext uri="{FF2B5EF4-FFF2-40B4-BE49-F238E27FC236}">
                <a16:creationId xmlns:a16="http://schemas.microsoft.com/office/drawing/2014/main" id="{81405B29-3D32-3383-264D-49AC5F15890E}"/>
              </a:ext>
            </a:extLst>
          </p:cNvPr>
          <p:cNvSpPr txBox="1"/>
          <p:nvPr/>
        </p:nvSpPr>
        <p:spPr>
          <a:xfrm>
            <a:off x="7121609" y="1845557"/>
            <a:ext cx="809196" cy="276999"/>
          </a:xfrm>
          <a:prstGeom prst="rect">
            <a:avLst/>
          </a:prstGeom>
          <a:noFill/>
        </p:spPr>
        <p:txBody>
          <a:bodyPr wrap="square" rtlCol="0">
            <a:spAutoFit/>
          </a:bodyPr>
          <a:lstStyle/>
          <a:p>
            <a:pPr algn="ctr"/>
            <a:r>
              <a:rPr kumimoji="1" lang="en-US" altLang="ja-JP" sz="1200" dirty="0">
                <a:latin typeface="BIZ UDPゴシック" panose="020B0400000000000000" pitchFamily="50" charset="-128"/>
                <a:ea typeface="BIZ UDPゴシック" panose="020B0400000000000000" pitchFamily="50" charset="-128"/>
              </a:rPr>
              <a:t>300</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42" name="テキスト ボックス 41">
            <a:extLst>
              <a:ext uri="{FF2B5EF4-FFF2-40B4-BE49-F238E27FC236}">
                <a16:creationId xmlns:a16="http://schemas.microsoft.com/office/drawing/2014/main" id="{36B0233A-14C8-0BF4-36AF-EC10960539C7}"/>
              </a:ext>
            </a:extLst>
          </p:cNvPr>
          <p:cNvSpPr txBox="1"/>
          <p:nvPr/>
        </p:nvSpPr>
        <p:spPr>
          <a:xfrm>
            <a:off x="7121609" y="3235966"/>
            <a:ext cx="809196" cy="276999"/>
          </a:xfrm>
          <a:prstGeom prst="rect">
            <a:avLst/>
          </a:prstGeom>
          <a:noFill/>
        </p:spPr>
        <p:txBody>
          <a:bodyPr wrap="square" rtlCol="0">
            <a:spAutoFit/>
          </a:bodyPr>
          <a:lstStyle/>
          <a:p>
            <a:pPr algn="ctr"/>
            <a:r>
              <a:rPr lang="ja-JP" altLang="en-US" sz="1200" dirty="0">
                <a:latin typeface="BIZ UDPゴシック" panose="020B0400000000000000" pitchFamily="50" charset="-128"/>
                <a:ea typeface="BIZ UDPゴシック" panose="020B0400000000000000" pitchFamily="50" charset="-128"/>
              </a:rPr>
              <a:t>２</a:t>
            </a:r>
            <a:r>
              <a:rPr kumimoji="1" lang="en-US" altLang="ja-JP" sz="1200" dirty="0">
                <a:latin typeface="BIZ UDPゴシック" panose="020B0400000000000000" pitchFamily="50" charset="-128"/>
                <a:ea typeface="BIZ UDPゴシック" panose="020B0400000000000000" pitchFamily="50" charset="-128"/>
              </a:rPr>
              <a:t>00</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43" name="テキスト ボックス 42">
            <a:extLst>
              <a:ext uri="{FF2B5EF4-FFF2-40B4-BE49-F238E27FC236}">
                <a16:creationId xmlns:a16="http://schemas.microsoft.com/office/drawing/2014/main" id="{5017E0DC-9FDB-9DA9-C8AA-77A72EC3DC5B}"/>
              </a:ext>
            </a:extLst>
          </p:cNvPr>
          <p:cNvSpPr txBox="1"/>
          <p:nvPr/>
        </p:nvSpPr>
        <p:spPr>
          <a:xfrm>
            <a:off x="7121609" y="4687166"/>
            <a:ext cx="809196" cy="276999"/>
          </a:xfrm>
          <a:prstGeom prst="rect">
            <a:avLst/>
          </a:prstGeom>
          <a:noFill/>
        </p:spPr>
        <p:txBody>
          <a:bodyPr wrap="square" rtlCol="0">
            <a:spAutoFit/>
          </a:bodyPr>
          <a:lstStyle/>
          <a:p>
            <a:pPr algn="ctr"/>
            <a:r>
              <a:rPr kumimoji="1" lang="en-US" altLang="ja-JP" sz="1200" dirty="0">
                <a:latin typeface="BIZ UDPゴシック" panose="020B0400000000000000" pitchFamily="50" charset="-128"/>
                <a:ea typeface="BIZ UDPゴシック" panose="020B0400000000000000" pitchFamily="50" charset="-128"/>
              </a:rPr>
              <a:t>100</a:t>
            </a:r>
            <a:endParaRPr kumimoji="1" lang="ja-JP" altLang="en-US" sz="1200" dirty="0">
              <a:latin typeface="BIZ UDPゴシック" panose="020B0400000000000000" pitchFamily="50" charset="-128"/>
              <a:ea typeface="BIZ UDPゴシック" panose="020B0400000000000000" pitchFamily="50" charset="-128"/>
            </a:endParaRPr>
          </a:p>
        </p:txBody>
      </p:sp>
      <p:cxnSp>
        <p:nvCxnSpPr>
          <p:cNvPr id="46" name="直線矢印コネクタ 45">
            <a:extLst>
              <a:ext uri="{FF2B5EF4-FFF2-40B4-BE49-F238E27FC236}">
                <a16:creationId xmlns:a16="http://schemas.microsoft.com/office/drawing/2014/main" id="{2D40E36C-AE77-AE95-469F-5DB018DFA2AB}"/>
              </a:ext>
            </a:extLst>
          </p:cNvPr>
          <p:cNvCxnSpPr>
            <a:cxnSpLocks/>
            <a:stCxn id="16" idx="0"/>
          </p:cNvCxnSpPr>
          <p:nvPr/>
        </p:nvCxnSpPr>
        <p:spPr>
          <a:xfrm flipV="1">
            <a:off x="8151263" y="1356293"/>
            <a:ext cx="2401427" cy="4258101"/>
          </a:xfrm>
          <a:prstGeom prst="straightConnector1">
            <a:avLst/>
          </a:prstGeom>
          <a:ln w="76200">
            <a:solidFill>
              <a:srgbClr val="FFC000"/>
            </a:solidFill>
            <a:tailEnd type="triangle"/>
          </a:ln>
          <a:effectLst>
            <a:glow rad="101600">
              <a:schemeClr val="accent3">
                <a:satMod val="175000"/>
                <a:alpha val="40000"/>
              </a:schemeClr>
            </a:glow>
          </a:effectLst>
        </p:spPr>
        <p:style>
          <a:lnRef idx="1">
            <a:schemeClr val="accent1"/>
          </a:lnRef>
          <a:fillRef idx="0">
            <a:schemeClr val="accent1"/>
          </a:fillRef>
          <a:effectRef idx="0">
            <a:schemeClr val="accent1"/>
          </a:effectRef>
          <a:fontRef idx="minor">
            <a:schemeClr val="tx1"/>
          </a:fontRef>
        </p:style>
      </p:cxnSp>
      <p:sp>
        <p:nvSpPr>
          <p:cNvPr id="6" name="テキスト ボックス 5">
            <a:extLst>
              <a:ext uri="{FF2B5EF4-FFF2-40B4-BE49-F238E27FC236}">
                <a16:creationId xmlns:a16="http://schemas.microsoft.com/office/drawing/2014/main" id="{2316CBEE-148F-A379-E4F5-A76BDD3A7572}"/>
              </a:ext>
            </a:extLst>
          </p:cNvPr>
          <p:cNvSpPr txBox="1"/>
          <p:nvPr/>
        </p:nvSpPr>
        <p:spPr>
          <a:xfrm>
            <a:off x="6839108" y="919872"/>
            <a:ext cx="1251628" cy="261610"/>
          </a:xfrm>
          <a:prstGeom prst="rect">
            <a:avLst/>
          </a:prstGeom>
          <a:noFill/>
        </p:spPr>
        <p:txBody>
          <a:bodyPr wrap="square" rtlCol="0">
            <a:spAutoFit/>
          </a:bodyPr>
          <a:lstStyle/>
          <a:p>
            <a:r>
              <a:rPr lang="en-US" altLang="ja-JP" sz="1100" dirty="0" err="1">
                <a:latin typeface="BIZ UDPゴシック" panose="020B0400000000000000" pitchFamily="50" charset="-128"/>
                <a:ea typeface="BIZ UDPゴシック" panose="020B0400000000000000" pitchFamily="50" charset="-128"/>
              </a:rPr>
              <a:t>Zata</a:t>
            </a:r>
            <a:r>
              <a:rPr lang="ja-JP" altLang="en-US" sz="1100" dirty="0">
                <a:latin typeface="BIZ UDPゴシック" panose="020B0400000000000000" pitchFamily="50" charset="-128"/>
                <a:ea typeface="BIZ UDPゴシック" panose="020B0400000000000000" pitchFamily="50" charset="-128"/>
              </a:rPr>
              <a:t> </a:t>
            </a:r>
            <a:r>
              <a:rPr kumimoji="1" lang="en-US" altLang="ja-JP" sz="1100" dirty="0">
                <a:latin typeface="BIZ UDPゴシック" panose="020B0400000000000000" pitchFamily="50" charset="-128"/>
                <a:ea typeface="BIZ UDPゴシック" panose="020B0400000000000000" pitchFamily="50" charset="-128"/>
              </a:rPr>
              <a:t>Byte</a:t>
            </a:r>
            <a:endParaRPr kumimoji="1" lang="ja-JP" altLang="en-US" sz="1100" dirty="0">
              <a:latin typeface="BIZ UDPゴシック" panose="020B0400000000000000" pitchFamily="50" charset="-128"/>
              <a:ea typeface="BIZ UDPゴシック" panose="020B0400000000000000" pitchFamily="50" charset="-128"/>
            </a:endParaRPr>
          </a:p>
        </p:txBody>
      </p:sp>
      <p:pic>
        <p:nvPicPr>
          <p:cNvPr id="37" name="図 36">
            <a:extLst>
              <a:ext uri="{FF2B5EF4-FFF2-40B4-BE49-F238E27FC236}">
                <a16:creationId xmlns:a16="http://schemas.microsoft.com/office/drawing/2014/main" id="{CCA88CF7-4726-7736-6EE6-5AB9A59B257B}"/>
              </a:ext>
            </a:extLst>
          </p:cNvPr>
          <p:cNvPicPr>
            <a:picLocks noChangeAspect="1"/>
          </p:cNvPicPr>
          <p:nvPr/>
        </p:nvPicPr>
        <p:blipFill>
          <a:blip r:embed="rId2"/>
          <a:stretch>
            <a:fillRect/>
          </a:stretch>
        </p:blipFill>
        <p:spPr>
          <a:xfrm>
            <a:off x="21778" y="2088768"/>
            <a:ext cx="7200285" cy="3746729"/>
          </a:xfrm>
          <a:prstGeom prst="rect">
            <a:avLst/>
          </a:prstGeom>
        </p:spPr>
      </p:pic>
      <p:sp>
        <p:nvSpPr>
          <p:cNvPr id="47" name="テキスト ボックス 46">
            <a:extLst>
              <a:ext uri="{FF2B5EF4-FFF2-40B4-BE49-F238E27FC236}">
                <a16:creationId xmlns:a16="http://schemas.microsoft.com/office/drawing/2014/main" id="{8E766A24-F73E-EFA5-131F-1BC656B422AE}"/>
              </a:ext>
            </a:extLst>
          </p:cNvPr>
          <p:cNvSpPr txBox="1"/>
          <p:nvPr/>
        </p:nvSpPr>
        <p:spPr>
          <a:xfrm>
            <a:off x="457530" y="1635125"/>
            <a:ext cx="6508419" cy="400110"/>
          </a:xfrm>
          <a:prstGeom prst="rect">
            <a:avLst/>
          </a:prstGeom>
          <a:noFill/>
        </p:spPr>
        <p:txBody>
          <a:bodyPr wrap="square" rtlCol="0">
            <a:spAutoFit/>
          </a:bodyPr>
          <a:lstStyle/>
          <a:p>
            <a:pPr algn="ctr"/>
            <a:r>
              <a:rPr kumimoji="1" lang="ja-JP" altLang="en-US" sz="2000" b="1" dirty="0">
                <a:latin typeface="BIZ UDPゴシック" panose="020B0400000000000000" pitchFamily="50" charset="-128"/>
                <a:ea typeface="BIZ UDPゴシック" panose="020B0400000000000000" pitchFamily="50" charset="-128"/>
              </a:rPr>
              <a:t>情報流通量は、</a:t>
            </a:r>
            <a:r>
              <a:rPr kumimoji="1" lang="en-US" altLang="ja-JP" sz="2000" b="1" dirty="0">
                <a:latin typeface="BIZ UDPゴシック" panose="020B0400000000000000" pitchFamily="50" charset="-128"/>
                <a:ea typeface="BIZ UDPゴシック" panose="020B0400000000000000" pitchFamily="50" charset="-128"/>
              </a:rPr>
              <a:t>2025</a:t>
            </a:r>
            <a:r>
              <a:rPr kumimoji="1" lang="ja-JP" altLang="en-US" sz="2000" b="1" dirty="0">
                <a:latin typeface="BIZ UDPゴシック" panose="020B0400000000000000" pitchFamily="50" charset="-128"/>
                <a:ea typeface="BIZ UDPゴシック" panose="020B0400000000000000" pitchFamily="50" charset="-128"/>
              </a:rPr>
              <a:t>年には、</a:t>
            </a:r>
            <a:r>
              <a:rPr kumimoji="1" lang="en-US" altLang="ja-JP" sz="2000" b="1" dirty="0">
                <a:latin typeface="BIZ UDPゴシック" panose="020B0400000000000000" pitchFamily="50" charset="-128"/>
                <a:ea typeface="BIZ UDPゴシック" panose="020B0400000000000000" pitchFamily="50" charset="-128"/>
              </a:rPr>
              <a:t>2010</a:t>
            </a:r>
            <a:r>
              <a:rPr kumimoji="1" lang="ja-JP" altLang="en-US" sz="2000" b="1" dirty="0">
                <a:latin typeface="BIZ UDPゴシック" panose="020B0400000000000000" pitchFamily="50" charset="-128"/>
                <a:ea typeface="BIZ UDPゴシック" panose="020B0400000000000000" pitchFamily="50" charset="-128"/>
              </a:rPr>
              <a:t>年の</a:t>
            </a:r>
            <a:r>
              <a:rPr kumimoji="1" lang="en-US" altLang="ja-JP" sz="2000" b="1" dirty="0">
                <a:latin typeface="BIZ UDPゴシック" panose="020B0400000000000000" pitchFamily="50" charset="-128"/>
                <a:ea typeface="BIZ UDPゴシック" panose="020B0400000000000000" pitchFamily="50" charset="-128"/>
              </a:rPr>
              <a:t>90</a:t>
            </a:r>
            <a:r>
              <a:rPr kumimoji="1" lang="ja-JP" altLang="en-US" sz="2000" b="1" dirty="0">
                <a:latin typeface="BIZ UDPゴシック" panose="020B0400000000000000" pitchFamily="50" charset="-128"/>
                <a:ea typeface="BIZ UDPゴシック" panose="020B0400000000000000" pitchFamily="50" charset="-128"/>
              </a:rPr>
              <a:t>倍になる。</a:t>
            </a:r>
          </a:p>
        </p:txBody>
      </p:sp>
      <p:sp>
        <p:nvSpPr>
          <p:cNvPr id="48" name="テキスト ボックス 47">
            <a:extLst>
              <a:ext uri="{FF2B5EF4-FFF2-40B4-BE49-F238E27FC236}">
                <a16:creationId xmlns:a16="http://schemas.microsoft.com/office/drawing/2014/main" id="{817F3F7A-B6E0-2BC6-37DE-D5AC4D885267}"/>
              </a:ext>
            </a:extLst>
          </p:cNvPr>
          <p:cNvSpPr txBox="1"/>
          <p:nvPr/>
        </p:nvSpPr>
        <p:spPr>
          <a:xfrm>
            <a:off x="1044927" y="5842260"/>
            <a:ext cx="5243315" cy="246221"/>
          </a:xfrm>
          <a:prstGeom prst="rect">
            <a:avLst/>
          </a:prstGeom>
          <a:noFill/>
        </p:spPr>
        <p:txBody>
          <a:bodyPr wrap="square">
            <a:spAutoFit/>
          </a:bodyPr>
          <a:lstStyle/>
          <a:p>
            <a:pPr algn="ctr"/>
            <a:r>
              <a:rPr lang="ja-JP" altLang="en-US" sz="1000" dirty="0">
                <a:latin typeface="BIZ UDゴシック" panose="020B0400000000000000" pitchFamily="49" charset="-128"/>
                <a:ea typeface="BIZ UDゴシック" panose="020B0400000000000000" pitchFamily="49" charset="-128"/>
              </a:rPr>
              <a:t>（出所）</a:t>
            </a:r>
            <a:r>
              <a:rPr lang="en-US" altLang="ja-JP" sz="1000" dirty="0">
                <a:latin typeface="BIZ UDゴシック" panose="020B0400000000000000" pitchFamily="49" charset="-128"/>
                <a:ea typeface="BIZ UDゴシック" panose="020B0400000000000000" pitchFamily="49" charset="-128"/>
              </a:rPr>
              <a:t>NTT</a:t>
            </a:r>
            <a:endParaRPr lang="ja-JP" altLang="en-US" sz="1000" dirty="0">
              <a:latin typeface="BIZ UDゴシック" panose="020B0400000000000000" pitchFamily="49" charset="-128"/>
              <a:ea typeface="BIZ UDゴシック" panose="020B0400000000000000" pitchFamily="49" charset="-128"/>
            </a:endParaRPr>
          </a:p>
        </p:txBody>
      </p:sp>
    </p:spTree>
    <p:extLst>
      <p:ext uri="{BB962C8B-B14F-4D97-AF65-F5344CB8AC3E}">
        <p14:creationId xmlns:p14="http://schemas.microsoft.com/office/powerpoint/2010/main" val="2037097901"/>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CB91481A-8BC9-0153-45F2-A967DC5B8929}"/>
              </a:ext>
            </a:extLst>
          </p:cNvPr>
          <p:cNvSpPr/>
          <p:nvPr/>
        </p:nvSpPr>
        <p:spPr>
          <a:xfrm>
            <a:off x="0" y="0"/>
            <a:ext cx="12192000" cy="68580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a:extLst>
              <a:ext uri="{FF2B5EF4-FFF2-40B4-BE49-F238E27FC236}">
                <a16:creationId xmlns:a16="http://schemas.microsoft.com/office/drawing/2014/main" id="{42E70F4F-0068-BA4F-86DA-069E75A81E2D}"/>
              </a:ext>
            </a:extLst>
          </p:cNvPr>
          <p:cNvSpPr txBox="1"/>
          <p:nvPr/>
        </p:nvSpPr>
        <p:spPr>
          <a:xfrm>
            <a:off x="1" y="2495333"/>
            <a:ext cx="12191999" cy="1862048"/>
          </a:xfrm>
          <a:prstGeom prst="rect">
            <a:avLst/>
          </a:prstGeom>
          <a:solidFill>
            <a:schemeClr val="tx1"/>
          </a:solidFill>
        </p:spPr>
        <p:txBody>
          <a:bodyPr wrap="square" rtlCol="0">
            <a:spAutoFit/>
          </a:bodyPr>
          <a:lstStyle/>
          <a:p>
            <a:pPr algn="ctr"/>
            <a:r>
              <a:rPr kumimoji="1" lang="en-US" altLang="ja-JP" sz="11500" dirty="0">
                <a:solidFill>
                  <a:schemeClr val="bg1"/>
                </a:solidFill>
                <a:latin typeface="Cooper Black" panose="0208090404030B020404" pitchFamily="18" charset="0"/>
                <a:ea typeface="UD デジタル 教科書体 NK-B" panose="02020700000000000000" pitchFamily="18" charset="-128"/>
              </a:rPr>
              <a:t>B</a:t>
            </a:r>
            <a:r>
              <a:rPr kumimoji="1" lang="en-US" altLang="ja-JP" sz="8800" dirty="0">
                <a:solidFill>
                  <a:schemeClr val="bg1"/>
                </a:solidFill>
                <a:latin typeface="Cooper Black" panose="0208090404030B020404" pitchFamily="18" charset="0"/>
                <a:ea typeface="UD デジタル 教科書体 NK-B" panose="02020700000000000000" pitchFamily="18" charset="-128"/>
              </a:rPr>
              <a:t>ackup </a:t>
            </a:r>
            <a:r>
              <a:rPr kumimoji="1" lang="en-US" altLang="ja-JP" sz="11500" dirty="0">
                <a:solidFill>
                  <a:schemeClr val="bg1"/>
                </a:solidFill>
                <a:latin typeface="Cooper Black" panose="0208090404030B020404" pitchFamily="18" charset="0"/>
                <a:ea typeface="UD デジタル 教科書体 NK-B" panose="02020700000000000000" pitchFamily="18" charset="-128"/>
              </a:rPr>
              <a:t>S</a:t>
            </a:r>
            <a:r>
              <a:rPr kumimoji="1" lang="en-US" altLang="ja-JP" sz="8800" dirty="0">
                <a:solidFill>
                  <a:schemeClr val="bg1"/>
                </a:solidFill>
                <a:latin typeface="Cooper Black" panose="0208090404030B020404" pitchFamily="18" charset="0"/>
                <a:ea typeface="UD デジタル 教科書体 NK-B" panose="02020700000000000000" pitchFamily="18" charset="-128"/>
              </a:rPr>
              <a:t>lide</a:t>
            </a:r>
            <a:endParaRPr kumimoji="1" lang="ja-JP" altLang="en-US" sz="8800" dirty="0">
              <a:solidFill>
                <a:schemeClr val="bg1"/>
              </a:solidFill>
              <a:latin typeface="Cooper Black" panose="0208090404030B020404" pitchFamily="18" charset="0"/>
              <a:ea typeface="UD デジタル 教科書体 NK-B" panose="02020700000000000000" pitchFamily="18" charset="-128"/>
            </a:endParaRPr>
          </a:p>
        </p:txBody>
      </p:sp>
    </p:spTree>
    <p:extLst>
      <p:ext uri="{BB962C8B-B14F-4D97-AF65-F5344CB8AC3E}">
        <p14:creationId xmlns:p14="http://schemas.microsoft.com/office/powerpoint/2010/main" val="784437173"/>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56" y="307648"/>
            <a:ext cx="12189943" cy="584775"/>
          </a:xfrm>
          <a:prstGeom prst="rect">
            <a:avLst/>
          </a:prstGeom>
          <a:noFill/>
        </p:spPr>
        <p:txBody>
          <a:bodyPr wrap="square" rtlCol="0">
            <a:spAutoFit/>
          </a:bodyPr>
          <a:lstStyle/>
          <a:p>
            <a:pPr algn="ctr"/>
            <a:r>
              <a:rPr lang="en-US" altLang="ja-JP"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Energy Scale</a:t>
            </a:r>
            <a:endParaRPr kumimoji="1" lang="ja-JP" altLang="en-US" sz="3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3799368" y="1105782"/>
            <a:ext cx="6741042" cy="5509200"/>
          </a:xfrm>
          <a:prstGeom prst="rect">
            <a:avLst/>
          </a:prstGeom>
          <a:noFill/>
        </p:spPr>
        <p:txBody>
          <a:bodyPr wrap="square" rtlCol="0">
            <a:spAutoFit/>
          </a:bodyPr>
          <a:lstStyle/>
          <a:p>
            <a:r>
              <a:rPr lang="en-US" altLang="ja-JP" sz="8800" b="1" dirty="0">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20,000</a:t>
            </a:r>
            <a:r>
              <a:rPr lang="en-US" altLang="ja-JP" sz="40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2,000</a:t>
            </a:r>
            <a:r>
              <a:rPr lang="en-US" altLang="ja-JP" sz="44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200</a:t>
            </a:r>
            <a:r>
              <a:rPr lang="en-US" altLang="ja-JP" sz="4400" b="1" dirty="0">
                <a:latin typeface="HGS創英角ｺﾞｼｯｸUB" panose="020B0900000000000000" pitchFamily="50" charset="-128"/>
                <a:ea typeface="HGS創英角ｺﾞｼｯｸUB" panose="020B0900000000000000" pitchFamily="50" charset="-128"/>
              </a:rPr>
              <a:t>TWh</a:t>
            </a:r>
            <a:endParaRPr lang="en-US" altLang="ja-JP" sz="8800" b="1" dirty="0">
              <a:latin typeface="HGS創英角ｺﾞｼｯｸUB" panose="020B0900000000000000" pitchFamily="50" charset="-128"/>
              <a:ea typeface="HGS創英角ｺﾞｼｯｸUB" panose="020B0900000000000000" pitchFamily="50" charset="-128"/>
            </a:endParaRPr>
          </a:p>
          <a:p>
            <a:r>
              <a:rPr lang="en-US" altLang="ja-JP" sz="8800" b="1" dirty="0">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20</a:t>
            </a:r>
            <a:r>
              <a:rPr lang="en-US" altLang="ja-JP" sz="3600" b="1" dirty="0">
                <a:latin typeface="HGS創英角ｺﾞｼｯｸUB" panose="020B0900000000000000" pitchFamily="50" charset="-128"/>
                <a:ea typeface="HGS創英角ｺﾞｼｯｸUB" panose="020B0900000000000000" pitchFamily="50" charset="-128"/>
              </a:rPr>
              <a:t>TWh</a:t>
            </a:r>
            <a:endParaRPr kumimoji="1" lang="ja-JP" altLang="en-US" sz="8800" b="1" dirty="0">
              <a:latin typeface="HGS創英角ｺﾞｼｯｸUB" panose="020B0900000000000000" pitchFamily="50" charset="-128"/>
              <a:ea typeface="HGS創英角ｺﾞｼｯｸUB" panose="020B0900000000000000" pitchFamily="50" charset="-128"/>
            </a:endParaRPr>
          </a:p>
        </p:txBody>
      </p:sp>
      <p:sp>
        <p:nvSpPr>
          <p:cNvPr id="15" name="テキスト ボックス 14"/>
          <p:cNvSpPr txBox="1"/>
          <p:nvPr/>
        </p:nvSpPr>
        <p:spPr>
          <a:xfrm>
            <a:off x="1384580" y="1733909"/>
            <a:ext cx="2562447" cy="461665"/>
          </a:xfrm>
          <a:prstGeom prst="rect">
            <a:avLst/>
          </a:prstGeom>
          <a:noFill/>
        </p:spPr>
        <p:txBody>
          <a:bodyPr wrap="square" rtlCol="0">
            <a:spAutoFit/>
          </a:bodyPr>
          <a:lstStyle/>
          <a:p>
            <a:pPr algn="ctr"/>
            <a:r>
              <a:rPr kumimoji="1" lang="ja-JP" altLang="en-US" sz="2400" dirty="0"/>
              <a:t>世界の電力総量</a:t>
            </a:r>
          </a:p>
        </p:txBody>
      </p:sp>
      <p:sp>
        <p:nvSpPr>
          <p:cNvPr id="16" name="テキスト ボックス 15"/>
          <p:cNvSpPr txBox="1"/>
          <p:nvPr/>
        </p:nvSpPr>
        <p:spPr>
          <a:xfrm>
            <a:off x="1236921" y="3110567"/>
            <a:ext cx="2562447" cy="461665"/>
          </a:xfrm>
          <a:prstGeom prst="rect">
            <a:avLst/>
          </a:prstGeom>
          <a:noFill/>
        </p:spPr>
        <p:txBody>
          <a:bodyPr wrap="square" rtlCol="0">
            <a:spAutoFit/>
          </a:bodyPr>
          <a:lstStyle/>
          <a:p>
            <a:pPr algn="r"/>
            <a:r>
              <a:rPr kumimoji="1" lang="ja-JP" altLang="en-US" sz="2400" dirty="0"/>
              <a:t>ＩＣＴ消費</a:t>
            </a:r>
          </a:p>
        </p:txBody>
      </p:sp>
      <p:sp>
        <p:nvSpPr>
          <p:cNvPr id="17" name="テキスト ボックス 16"/>
          <p:cNvSpPr txBox="1"/>
          <p:nvPr/>
        </p:nvSpPr>
        <p:spPr>
          <a:xfrm>
            <a:off x="856498" y="4487225"/>
            <a:ext cx="3090529" cy="461665"/>
          </a:xfrm>
          <a:prstGeom prst="rect">
            <a:avLst/>
          </a:prstGeom>
          <a:noFill/>
        </p:spPr>
        <p:txBody>
          <a:bodyPr wrap="square" rtlCol="0">
            <a:spAutoFit/>
          </a:bodyPr>
          <a:lstStyle/>
          <a:p>
            <a:pPr algn="r"/>
            <a:r>
              <a:rPr lang="ja-JP" altLang="en-US" sz="2400" dirty="0"/>
              <a:t>データセンター</a:t>
            </a:r>
            <a:r>
              <a:rPr kumimoji="1" lang="ja-JP" altLang="en-US" sz="2400" dirty="0"/>
              <a:t>消費</a:t>
            </a:r>
          </a:p>
        </p:txBody>
      </p:sp>
      <p:sp>
        <p:nvSpPr>
          <p:cNvPr id="18" name="テキスト ボックス 17"/>
          <p:cNvSpPr txBox="1"/>
          <p:nvPr/>
        </p:nvSpPr>
        <p:spPr>
          <a:xfrm>
            <a:off x="856498" y="5741866"/>
            <a:ext cx="3090529" cy="461665"/>
          </a:xfrm>
          <a:prstGeom prst="rect">
            <a:avLst/>
          </a:prstGeom>
          <a:noFill/>
        </p:spPr>
        <p:txBody>
          <a:bodyPr wrap="square" rtlCol="0">
            <a:spAutoFit/>
          </a:bodyPr>
          <a:lstStyle/>
          <a:p>
            <a:pPr algn="r"/>
            <a:r>
              <a:rPr lang="en-US" altLang="ja-JP" sz="2400" dirty="0">
                <a:latin typeface="游ゴシック" panose="020B0400000000000000" pitchFamily="50" charset="-128"/>
                <a:ea typeface="游ゴシック" panose="020B0400000000000000" pitchFamily="50" charset="-128"/>
              </a:rPr>
              <a:t>Bitcoin</a:t>
            </a:r>
            <a:r>
              <a:rPr lang="ja-JP" altLang="en-US" sz="2400" dirty="0">
                <a:latin typeface="游ゴシック" panose="020B0400000000000000" pitchFamily="50" charset="-128"/>
                <a:ea typeface="游ゴシック" panose="020B0400000000000000" pitchFamily="50" charset="-128"/>
              </a:rPr>
              <a:t>マイニング</a:t>
            </a:r>
            <a:endParaRPr kumimoji="1" lang="ja-JP" altLang="en-US" sz="2400" dirty="0">
              <a:latin typeface="游ゴシック" panose="020B0400000000000000" pitchFamily="50" charset="-128"/>
              <a:ea typeface="游ゴシック" panose="020B0400000000000000" pitchFamily="50" charset="-128"/>
            </a:endParaRPr>
          </a:p>
        </p:txBody>
      </p:sp>
      <p:sp>
        <p:nvSpPr>
          <p:cNvPr id="19" name="テキスト ボックス 18"/>
          <p:cNvSpPr txBox="1"/>
          <p:nvPr/>
        </p:nvSpPr>
        <p:spPr>
          <a:xfrm>
            <a:off x="-8245" y="6599409"/>
            <a:ext cx="6248399" cy="253916"/>
          </a:xfrm>
          <a:prstGeom prst="rect">
            <a:avLst/>
          </a:prstGeom>
          <a:noFill/>
        </p:spPr>
        <p:txBody>
          <a:bodyPr wrap="square" rtlCol="0">
            <a:spAutoFit/>
          </a:bodyPr>
          <a:lstStyle/>
          <a:p>
            <a:r>
              <a:rPr kumimoji="1" lang="ja-JP" altLang="en-US" sz="1050" dirty="0"/>
              <a:t>（出典）</a:t>
            </a:r>
            <a:r>
              <a:rPr kumimoji="1" lang="en-US" altLang="ja-JP" sz="1050" dirty="0"/>
              <a:t>Nature</a:t>
            </a:r>
            <a:r>
              <a:rPr kumimoji="1" lang="ja-JP" altLang="en-US" sz="1050" dirty="0"/>
              <a:t>（</a:t>
            </a:r>
            <a:r>
              <a:rPr kumimoji="1" lang="en-US" altLang="ja-JP" sz="1050" dirty="0"/>
              <a:t>2018</a:t>
            </a:r>
            <a:r>
              <a:rPr kumimoji="1" lang="ja-JP" altLang="en-US" sz="1050" dirty="0"/>
              <a:t>年</a:t>
            </a:r>
            <a:r>
              <a:rPr kumimoji="1" lang="en-US" altLang="ja-JP" sz="1050" dirty="0"/>
              <a:t>9</a:t>
            </a:r>
            <a:r>
              <a:rPr kumimoji="1" lang="ja-JP" altLang="en-US" sz="1050" dirty="0"/>
              <a:t>月</a:t>
            </a:r>
            <a:r>
              <a:rPr kumimoji="1" lang="en-US" altLang="ja-JP" sz="1050" dirty="0"/>
              <a:t>13</a:t>
            </a:r>
            <a:r>
              <a:rPr kumimoji="1" lang="ja-JP" altLang="en-US" sz="1050" dirty="0"/>
              <a:t>日） </a:t>
            </a:r>
            <a:r>
              <a:rPr kumimoji="1" lang="en-US" altLang="ja-JP" sz="1050" dirty="0"/>
              <a:t>Vol.561</a:t>
            </a:r>
            <a:r>
              <a:rPr kumimoji="1" lang="ja-JP" altLang="en-US" sz="1050" dirty="0"/>
              <a:t>「</a:t>
            </a:r>
            <a:r>
              <a:rPr kumimoji="1" lang="en-US" altLang="ja-JP" sz="1050" dirty="0"/>
              <a:t>The</a:t>
            </a:r>
            <a:r>
              <a:rPr lang="ja-JP" altLang="en-US" sz="1050" dirty="0"/>
              <a:t> </a:t>
            </a:r>
            <a:r>
              <a:rPr lang="en-US" altLang="ja-JP" sz="1050" dirty="0"/>
              <a:t>Information Factories</a:t>
            </a:r>
            <a:r>
              <a:rPr lang="ja-JP" altLang="en-US" sz="1050" dirty="0"/>
              <a:t>」</a:t>
            </a:r>
            <a:endParaRPr kumimoji="1" lang="ja-JP" altLang="en-US" sz="1050" dirty="0"/>
          </a:p>
        </p:txBody>
      </p:sp>
      <p:grpSp>
        <p:nvGrpSpPr>
          <p:cNvPr id="20" name="Group 41"/>
          <p:cNvGrpSpPr>
            <a:grpSpLocks/>
          </p:cNvGrpSpPr>
          <p:nvPr/>
        </p:nvGrpSpPr>
        <p:grpSpPr bwMode="auto">
          <a:xfrm>
            <a:off x="8537944" y="2857500"/>
            <a:ext cx="3044455" cy="1122947"/>
            <a:chOff x="2691" y="3327"/>
            <a:chExt cx="1265" cy="398"/>
          </a:xfrm>
        </p:grpSpPr>
        <p:pic>
          <p:nvPicPr>
            <p:cNvPr id="21" name="Picture 42"/>
            <p:cNvPicPr>
              <a:picLocks noChangeAspect="1" noChangeArrowheads="1"/>
            </p:cNvPicPr>
            <p:nvPr/>
          </p:nvPicPr>
          <p:blipFill>
            <a:blip r:embed="rId2"/>
            <a:srcRect/>
            <a:stretch>
              <a:fillRect/>
            </a:stretch>
          </p:blipFill>
          <p:spPr bwMode="auto">
            <a:xfrm>
              <a:off x="2691" y="3330"/>
              <a:ext cx="594" cy="395"/>
            </a:xfrm>
            <a:prstGeom prst="rect">
              <a:avLst/>
            </a:prstGeom>
            <a:noFill/>
            <a:ln w="9525">
              <a:noFill/>
              <a:round/>
              <a:headEnd/>
              <a:tailEnd/>
            </a:ln>
          </p:spPr>
        </p:pic>
        <p:pic>
          <p:nvPicPr>
            <p:cNvPr id="22" name="Picture 43"/>
            <p:cNvPicPr>
              <a:picLocks noChangeAspect="1" noChangeArrowheads="1"/>
            </p:cNvPicPr>
            <p:nvPr/>
          </p:nvPicPr>
          <p:blipFill>
            <a:blip r:embed="rId3"/>
            <a:srcRect/>
            <a:stretch>
              <a:fillRect/>
            </a:stretch>
          </p:blipFill>
          <p:spPr bwMode="auto">
            <a:xfrm>
              <a:off x="3187" y="3327"/>
              <a:ext cx="248" cy="340"/>
            </a:xfrm>
            <a:prstGeom prst="rect">
              <a:avLst/>
            </a:prstGeom>
            <a:noFill/>
            <a:ln w="9525">
              <a:noFill/>
              <a:round/>
              <a:headEnd/>
              <a:tailEnd/>
            </a:ln>
          </p:spPr>
        </p:pic>
        <p:grpSp>
          <p:nvGrpSpPr>
            <p:cNvPr id="23" name="Group 44"/>
            <p:cNvGrpSpPr>
              <a:grpSpLocks/>
            </p:cNvGrpSpPr>
            <p:nvPr/>
          </p:nvGrpSpPr>
          <p:grpSpPr bwMode="auto">
            <a:xfrm>
              <a:off x="3562" y="3426"/>
              <a:ext cx="394" cy="269"/>
              <a:chOff x="3562" y="3426"/>
              <a:chExt cx="394" cy="269"/>
            </a:xfrm>
          </p:grpSpPr>
          <p:pic>
            <p:nvPicPr>
              <p:cNvPr id="28" name="Picture 45"/>
              <p:cNvPicPr>
                <a:picLocks noChangeAspect="1" noChangeArrowheads="1"/>
              </p:cNvPicPr>
              <p:nvPr/>
            </p:nvPicPr>
            <p:blipFill>
              <a:blip r:embed="rId4"/>
              <a:srcRect/>
              <a:stretch>
                <a:fillRect/>
              </a:stretch>
            </p:blipFill>
            <p:spPr bwMode="auto">
              <a:xfrm>
                <a:off x="3562" y="3426"/>
                <a:ext cx="325" cy="269"/>
              </a:xfrm>
              <a:prstGeom prst="rect">
                <a:avLst/>
              </a:prstGeom>
              <a:noFill/>
              <a:ln w="9525">
                <a:noFill/>
                <a:round/>
                <a:headEnd/>
                <a:tailEnd/>
              </a:ln>
            </p:spPr>
          </p:pic>
          <p:pic>
            <p:nvPicPr>
              <p:cNvPr id="29" name="Picture 46"/>
              <p:cNvPicPr>
                <a:picLocks noChangeAspect="1" noChangeArrowheads="1"/>
              </p:cNvPicPr>
              <p:nvPr/>
            </p:nvPicPr>
            <p:blipFill>
              <a:blip r:embed="rId5"/>
              <a:srcRect/>
              <a:stretch>
                <a:fillRect/>
              </a:stretch>
            </p:blipFill>
            <p:spPr bwMode="auto">
              <a:xfrm rot="780000">
                <a:off x="3828" y="3498"/>
                <a:ext cx="109" cy="177"/>
              </a:xfrm>
              <a:prstGeom prst="rect">
                <a:avLst/>
              </a:prstGeom>
              <a:noFill/>
              <a:ln w="9525">
                <a:noFill/>
                <a:round/>
                <a:headEnd/>
                <a:tailEnd/>
              </a:ln>
            </p:spPr>
          </p:pic>
        </p:grpSp>
        <p:grpSp>
          <p:nvGrpSpPr>
            <p:cNvPr id="24" name="Group 47"/>
            <p:cNvGrpSpPr>
              <a:grpSpLocks/>
            </p:cNvGrpSpPr>
            <p:nvPr/>
          </p:nvGrpSpPr>
          <p:grpSpPr bwMode="auto">
            <a:xfrm>
              <a:off x="3298" y="3417"/>
              <a:ext cx="369" cy="284"/>
              <a:chOff x="3298" y="3417"/>
              <a:chExt cx="369" cy="284"/>
            </a:xfrm>
          </p:grpSpPr>
          <p:pic>
            <p:nvPicPr>
              <p:cNvPr id="26" name="Picture 48"/>
              <p:cNvPicPr>
                <a:picLocks noChangeAspect="1" noChangeArrowheads="1"/>
              </p:cNvPicPr>
              <p:nvPr/>
            </p:nvPicPr>
            <p:blipFill>
              <a:blip r:embed="rId6"/>
              <a:srcRect/>
              <a:stretch>
                <a:fillRect/>
              </a:stretch>
            </p:blipFill>
            <p:spPr bwMode="auto">
              <a:xfrm>
                <a:off x="3352" y="3417"/>
                <a:ext cx="315" cy="284"/>
              </a:xfrm>
              <a:prstGeom prst="rect">
                <a:avLst/>
              </a:prstGeom>
              <a:noFill/>
              <a:ln w="9525">
                <a:noFill/>
                <a:round/>
                <a:headEnd/>
                <a:tailEnd/>
              </a:ln>
            </p:spPr>
          </p:pic>
          <p:pic>
            <p:nvPicPr>
              <p:cNvPr id="27" name="Picture 49"/>
              <p:cNvPicPr>
                <a:picLocks noChangeAspect="1" noChangeArrowheads="1"/>
              </p:cNvPicPr>
              <p:nvPr/>
            </p:nvPicPr>
            <p:blipFill>
              <a:blip r:embed="rId7"/>
              <a:srcRect/>
              <a:stretch>
                <a:fillRect/>
              </a:stretch>
            </p:blipFill>
            <p:spPr bwMode="auto">
              <a:xfrm>
                <a:off x="3298" y="3480"/>
                <a:ext cx="215" cy="215"/>
              </a:xfrm>
              <a:prstGeom prst="rect">
                <a:avLst/>
              </a:prstGeom>
              <a:noFill/>
              <a:ln w="9525">
                <a:noFill/>
                <a:round/>
                <a:headEnd/>
                <a:tailEnd/>
              </a:ln>
            </p:spPr>
          </p:pic>
        </p:grpSp>
        <p:pic>
          <p:nvPicPr>
            <p:cNvPr id="25" name="Picture 50"/>
            <p:cNvPicPr>
              <a:picLocks noChangeAspect="1" noChangeArrowheads="1"/>
            </p:cNvPicPr>
            <p:nvPr/>
          </p:nvPicPr>
          <p:blipFill>
            <a:blip r:embed="rId8"/>
            <a:srcRect/>
            <a:stretch>
              <a:fillRect/>
            </a:stretch>
          </p:blipFill>
          <p:spPr bwMode="auto">
            <a:xfrm>
              <a:off x="3085" y="3510"/>
              <a:ext cx="230" cy="183"/>
            </a:xfrm>
            <a:prstGeom prst="rect">
              <a:avLst/>
            </a:prstGeom>
            <a:noFill/>
            <a:ln w="9525">
              <a:noFill/>
              <a:round/>
              <a:headEnd/>
              <a:tailEnd/>
            </a:ln>
          </p:spPr>
        </p:pic>
      </p:grpSp>
      <p:pic>
        <p:nvPicPr>
          <p:cNvPr id="30" name="Picture 8" descr="4330323678_766c2d5bb0"/>
          <p:cNvPicPr>
            <a:picLocks noChangeAspect="1" noChangeArrowheads="1"/>
          </p:cNvPicPr>
          <p:nvPr/>
        </p:nvPicPr>
        <p:blipFill>
          <a:blip r:embed="rId9"/>
          <a:srcRect/>
          <a:stretch>
            <a:fillRect/>
          </a:stretch>
        </p:blipFill>
        <p:spPr bwMode="auto">
          <a:xfrm>
            <a:off x="7628049" y="4432739"/>
            <a:ext cx="2992967" cy="2218267"/>
          </a:xfrm>
          <a:prstGeom prst="rect">
            <a:avLst/>
          </a:prstGeom>
          <a:noFill/>
          <a:ln w="9525">
            <a:solidFill>
              <a:schemeClr val="bg2"/>
            </a:solidFill>
            <a:miter lim="800000"/>
            <a:headEnd/>
            <a:tailEnd/>
          </a:ln>
        </p:spPr>
      </p:pic>
      <p:pic>
        <p:nvPicPr>
          <p:cNvPr id="31" name="Picture 24" descr="dreamstime_xs_11213459_square.png"/>
          <p:cNvPicPr>
            <a:picLocks noChangeAspect="1"/>
          </p:cNvPicPr>
          <p:nvPr/>
        </p:nvPicPr>
        <p:blipFill>
          <a:blip r:embed="rId10">
            <a:extLst>
              <a:ext uri="{28A0092B-C50C-407E-A947-70E740481C1C}">
                <a14:useLocalDpi xmlns:a14="http://schemas.microsoft.com/office/drawing/2010/main" val="0"/>
              </a:ext>
            </a:extLst>
          </a:blip>
          <a:srcRect/>
          <a:stretch>
            <a:fillRect/>
          </a:stretch>
        </p:blipFill>
        <p:spPr bwMode="auto">
          <a:xfrm>
            <a:off x="8909525" y="942683"/>
            <a:ext cx="1407760" cy="14077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8575">
                <a:solidFill>
                  <a:srgbClr val="000000"/>
                </a:solidFill>
                <a:miter lim="800000"/>
                <a:headEnd/>
                <a:tailEnd/>
              </a14:hiddenLine>
            </a:ext>
          </a:extLst>
        </p:spPr>
      </p:pic>
      <p:pic>
        <p:nvPicPr>
          <p:cNvPr id="33" name="Picture 1" descr="C:\Users\i5222853\AppData\Local\Microsoft\Windows\Temporary Internet Files\Content.IE5\TF3W06GA\MC900311280[1].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0327586" y="1013828"/>
            <a:ext cx="1738810" cy="13366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757829434"/>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8245" y="6599409"/>
            <a:ext cx="6248399" cy="253916"/>
          </a:xfrm>
          <a:prstGeom prst="rect">
            <a:avLst/>
          </a:prstGeom>
          <a:noFill/>
        </p:spPr>
        <p:txBody>
          <a:bodyPr wrap="square" rtlCol="0">
            <a:spAutoFit/>
          </a:bodyPr>
          <a:lstStyle/>
          <a:p>
            <a:r>
              <a:rPr kumimoji="1" lang="ja-JP" altLang="en-US" sz="1050" dirty="0"/>
              <a:t>（出典）</a:t>
            </a:r>
            <a:r>
              <a:rPr kumimoji="1" lang="en-US" altLang="ja-JP" sz="1050" dirty="0"/>
              <a:t>Nature</a:t>
            </a:r>
            <a:r>
              <a:rPr kumimoji="1" lang="ja-JP" altLang="en-US" sz="1050" dirty="0"/>
              <a:t>（</a:t>
            </a:r>
            <a:r>
              <a:rPr kumimoji="1" lang="en-US" altLang="ja-JP" sz="1050" dirty="0"/>
              <a:t>2018</a:t>
            </a:r>
            <a:r>
              <a:rPr kumimoji="1" lang="ja-JP" altLang="en-US" sz="1050" dirty="0"/>
              <a:t>年</a:t>
            </a:r>
            <a:r>
              <a:rPr kumimoji="1" lang="en-US" altLang="ja-JP" sz="1050" dirty="0"/>
              <a:t>9</a:t>
            </a:r>
            <a:r>
              <a:rPr kumimoji="1" lang="ja-JP" altLang="en-US" sz="1050" dirty="0"/>
              <a:t>月</a:t>
            </a:r>
            <a:r>
              <a:rPr kumimoji="1" lang="en-US" altLang="ja-JP" sz="1050" dirty="0"/>
              <a:t>13</a:t>
            </a:r>
            <a:r>
              <a:rPr kumimoji="1" lang="ja-JP" altLang="en-US" sz="1050" dirty="0"/>
              <a:t>日） </a:t>
            </a:r>
            <a:r>
              <a:rPr kumimoji="1" lang="en-US" altLang="ja-JP" sz="1050" dirty="0"/>
              <a:t>Vol.561</a:t>
            </a:r>
            <a:r>
              <a:rPr kumimoji="1" lang="ja-JP" altLang="en-US" sz="1050" dirty="0"/>
              <a:t>「</a:t>
            </a:r>
            <a:r>
              <a:rPr kumimoji="1" lang="en-US" altLang="ja-JP" sz="1050" dirty="0"/>
              <a:t>The</a:t>
            </a:r>
            <a:r>
              <a:rPr lang="ja-JP" altLang="en-US" sz="1050" dirty="0"/>
              <a:t> </a:t>
            </a:r>
            <a:r>
              <a:rPr lang="en-US" altLang="ja-JP" sz="1050" dirty="0"/>
              <a:t>Information Factories</a:t>
            </a:r>
            <a:r>
              <a:rPr lang="ja-JP" altLang="en-US" sz="1050" dirty="0"/>
              <a:t>」</a:t>
            </a:r>
            <a:endParaRPr kumimoji="1" lang="ja-JP" altLang="en-US" sz="1050" dirty="0"/>
          </a:p>
        </p:txBody>
      </p:sp>
      <p:graphicFrame>
        <p:nvGraphicFramePr>
          <p:cNvPr id="32" name="グラフ 31"/>
          <p:cNvGraphicFramePr>
            <a:graphicFrameLocks/>
          </p:cNvGraphicFramePr>
          <p:nvPr/>
        </p:nvGraphicFramePr>
        <p:xfrm>
          <a:off x="1646538" y="1041401"/>
          <a:ext cx="8589662" cy="5224462"/>
        </p:xfrm>
        <a:graphic>
          <a:graphicData uri="http://schemas.openxmlformats.org/drawingml/2006/chart">
            <c:chart xmlns:c="http://schemas.openxmlformats.org/drawingml/2006/chart" xmlns:r="http://schemas.openxmlformats.org/officeDocument/2006/relationships" r:id="rId2"/>
          </a:graphicData>
        </a:graphic>
      </p:graphicFrame>
      <p:sp>
        <p:nvSpPr>
          <p:cNvPr id="7" name="テキスト ボックス 6"/>
          <p:cNvSpPr txBox="1"/>
          <p:nvPr/>
        </p:nvSpPr>
        <p:spPr>
          <a:xfrm>
            <a:off x="2056" y="145282"/>
            <a:ext cx="12189943" cy="646331"/>
          </a:xfrm>
          <a:prstGeom prst="rect">
            <a:avLst/>
          </a:prstGeom>
          <a:noFill/>
        </p:spPr>
        <p:txBody>
          <a:bodyPr wrap="square" rtlCol="0">
            <a:spAutoFit/>
          </a:bodyPr>
          <a:lstStyle/>
          <a:p>
            <a:pPr algn="ctr"/>
            <a:r>
              <a:rPr kumimoji="1" lang="en-US" altLang="ja-JP" sz="3600" b="1" dirty="0">
                <a:latin typeface="Meiryo UI" panose="020B0604030504040204" pitchFamily="50" charset="-128"/>
                <a:ea typeface="Meiryo UI" panose="020B0604030504040204" pitchFamily="50" charset="-128"/>
              </a:rPr>
              <a:t>ICT</a:t>
            </a:r>
            <a:r>
              <a:rPr kumimoji="1" lang="ja-JP" altLang="en-US" sz="3600" b="1" dirty="0">
                <a:latin typeface="Meiryo UI" panose="020B0604030504040204" pitchFamily="50" charset="-128"/>
                <a:ea typeface="Meiryo UI" panose="020B0604030504040204" pitchFamily="50" charset="-128"/>
              </a:rPr>
              <a:t>電力消費予測</a:t>
            </a:r>
          </a:p>
        </p:txBody>
      </p:sp>
      <p:sp>
        <p:nvSpPr>
          <p:cNvPr id="8" name="テキスト ボックス 7"/>
          <p:cNvSpPr txBox="1"/>
          <p:nvPr/>
        </p:nvSpPr>
        <p:spPr>
          <a:xfrm>
            <a:off x="11658600" y="6457890"/>
            <a:ext cx="533400" cy="400110"/>
          </a:xfrm>
          <a:prstGeom prst="rect">
            <a:avLst/>
          </a:prstGeom>
          <a:noFill/>
        </p:spPr>
        <p:txBody>
          <a:bodyPr wrap="square" rtlCol="0">
            <a:spAutoFit/>
          </a:bodyPr>
          <a:lstStyle/>
          <a:p>
            <a:pPr algn="ctr"/>
            <a:r>
              <a:rPr kumimoji="1" lang="en-US" altLang="ja-JP" sz="2000" b="1" dirty="0"/>
              <a:t>19</a:t>
            </a:r>
            <a:endParaRPr kumimoji="1" lang="ja-JP" altLang="en-US" sz="2000" b="1" dirty="0"/>
          </a:p>
        </p:txBody>
      </p:sp>
    </p:spTree>
    <p:extLst>
      <p:ext uri="{BB962C8B-B14F-4D97-AF65-F5344CB8AC3E}">
        <p14:creationId xmlns:p14="http://schemas.microsoft.com/office/powerpoint/2010/main" val="832471122"/>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楕円 2">
            <a:extLst>
              <a:ext uri="{FF2B5EF4-FFF2-40B4-BE49-F238E27FC236}">
                <a16:creationId xmlns:a16="http://schemas.microsoft.com/office/drawing/2014/main" id="{1124AC10-F153-4231-8152-DF5C6C85B430}"/>
              </a:ext>
            </a:extLst>
          </p:cNvPr>
          <p:cNvSpPr/>
          <p:nvPr/>
        </p:nvSpPr>
        <p:spPr>
          <a:xfrm>
            <a:off x="601671" y="638045"/>
            <a:ext cx="1101623" cy="1065249"/>
          </a:xfrm>
          <a:prstGeom prst="ellipse">
            <a:avLst/>
          </a:prstGeom>
          <a:solidFill>
            <a:srgbClr val="FFC000"/>
          </a:solid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a:solidFill>
                  <a:srgbClr val="C00000"/>
                </a:solidFill>
                <a:latin typeface="BIZ UDP明朝 Medium" panose="02020500000000000000" pitchFamily="18" charset="-128"/>
                <a:ea typeface="BIZ UDP明朝 Medium" panose="02020500000000000000" pitchFamily="18" charset="-128"/>
              </a:rPr>
              <a:t>データ</a:t>
            </a:r>
          </a:p>
        </p:txBody>
      </p:sp>
      <p:sp>
        <p:nvSpPr>
          <p:cNvPr id="7" name="楕円 6">
            <a:extLst>
              <a:ext uri="{FF2B5EF4-FFF2-40B4-BE49-F238E27FC236}">
                <a16:creationId xmlns:a16="http://schemas.microsoft.com/office/drawing/2014/main" id="{E2ACEF59-66B3-47EC-B7BF-BB1646A4434B}"/>
              </a:ext>
            </a:extLst>
          </p:cNvPr>
          <p:cNvSpPr/>
          <p:nvPr/>
        </p:nvSpPr>
        <p:spPr>
          <a:xfrm>
            <a:off x="2113688" y="362641"/>
            <a:ext cx="1940170" cy="1673124"/>
          </a:xfrm>
          <a:custGeom>
            <a:avLst/>
            <a:gdLst>
              <a:gd name="connsiteX0" fmla="*/ 0 w 1940170"/>
              <a:gd name="connsiteY0" fmla="*/ 836562 h 1673124"/>
              <a:gd name="connsiteX1" fmla="*/ 970085 w 1940170"/>
              <a:gd name="connsiteY1" fmla="*/ 0 h 1673124"/>
              <a:gd name="connsiteX2" fmla="*/ 1940170 w 1940170"/>
              <a:gd name="connsiteY2" fmla="*/ 836562 h 1673124"/>
              <a:gd name="connsiteX3" fmla="*/ 970085 w 1940170"/>
              <a:gd name="connsiteY3" fmla="*/ 1673124 h 1673124"/>
              <a:gd name="connsiteX4" fmla="*/ 0 w 1940170"/>
              <a:gd name="connsiteY4" fmla="*/ 836562 h 167312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940170" h="1673124" fill="none" extrusionOk="0">
                <a:moveTo>
                  <a:pt x="0" y="836562"/>
                </a:moveTo>
                <a:cubicBezTo>
                  <a:pt x="82132" y="314568"/>
                  <a:pt x="582944" y="46646"/>
                  <a:pt x="970085" y="0"/>
                </a:cubicBezTo>
                <a:cubicBezTo>
                  <a:pt x="1595497" y="70135"/>
                  <a:pt x="1981224" y="448652"/>
                  <a:pt x="1940170" y="836562"/>
                </a:cubicBezTo>
                <a:cubicBezTo>
                  <a:pt x="1852423" y="1339843"/>
                  <a:pt x="1443484" y="1679415"/>
                  <a:pt x="970085" y="1673124"/>
                </a:cubicBezTo>
                <a:cubicBezTo>
                  <a:pt x="355909" y="1709886"/>
                  <a:pt x="-46554" y="1349852"/>
                  <a:pt x="0" y="836562"/>
                </a:cubicBezTo>
                <a:close/>
              </a:path>
              <a:path w="1940170" h="1673124" stroke="0" extrusionOk="0">
                <a:moveTo>
                  <a:pt x="0" y="836562"/>
                </a:moveTo>
                <a:cubicBezTo>
                  <a:pt x="44155" y="483100"/>
                  <a:pt x="290669" y="-22147"/>
                  <a:pt x="970085" y="0"/>
                </a:cubicBezTo>
                <a:cubicBezTo>
                  <a:pt x="1552563" y="63582"/>
                  <a:pt x="1959579" y="443714"/>
                  <a:pt x="1940170" y="836562"/>
                </a:cubicBezTo>
                <a:cubicBezTo>
                  <a:pt x="1908939" y="1290585"/>
                  <a:pt x="1411240" y="1549855"/>
                  <a:pt x="970085" y="1673124"/>
                </a:cubicBezTo>
                <a:cubicBezTo>
                  <a:pt x="386159" y="1723107"/>
                  <a:pt x="30926" y="1317672"/>
                  <a:pt x="0" y="836562"/>
                </a:cubicBezTo>
                <a:close/>
              </a:path>
            </a:pathLst>
          </a:custGeom>
          <a:solidFill>
            <a:srgbClr val="00B0F0"/>
          </a:solidFill>
          <a:ln>
            <a:solidFill>
              <a:srgbClr val="FF6600"/>
            </a:solidFill>
            <a:extLst>
              <a:ext uri="{C807C97D-BFC1-408E-A445-0C87EB9F89A2}">
                <ask:lineSketchStyleProps xmlns:ask="http://schemas.microsoft.com/office/drawing/2018/sketchyshapes" sd="2409959383">
                  <a:prstGeom prst="ellipse">
                    <a:avLst/>
                  </a:prstGeom>
                  <ask:type>
                    <ask:lineSketchScribble/>
                  </ask:type>
                </ask:lineSketchStyleProps>
              </a:ext>
            </a:extLs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4800" b="1" dirty="0">
                <a:solidFill>
                  <a:srgbClr val="7030A0"/>
                </a:solidFill>
                <a:latin typeface="BIZ UDP明朝 Medium" panose="02020500000000000000" pitchFamily="18" charset="-128"/>
                <a:ea typeface="BIZ UDP明朝 Medium" panose="02020500000000000000" pitchFamily="18" charset="-128"/>
              </a:rPr>
              <a:t>計算力</a:t>
            </a:r>
            <a:endParaRPr kumimoji="1" lang="ja-JP" altLang="en-US" sz="4800" b="1" dirty="0">
              <a:solidFill>
                <a:srgbClr val="7030A0"/>
              </a:solidFill>
              <a:latin typeface="BIZ UDP明朝 Medium" panose="02020500000000000000" pitchFamily="18" charset="-128"/>
              <a:ea typeface="BIZ UDP明朝 Medium" panose="02020500000000000000" pitchFamily="18" charset="-128"/>
            </a:endParaRPr>
          </a:p>
        </p:txBody>
      </p:sp>
      <p:sp>
        <p:nvSpPr>
          <p:cNvPr id="8" name="楕円 7">
            <a:extLst>
              <a:ext uri="{FF2B5EF4-FFF2-40B4-BE49-F238E27FC236}">
                <a16:creationId xmlns:a16="http://schemas.microsoft.com/office/drawing/2014/main" id="{0799E326-D63E-44C7-948C-2EA735F26221}"/>
              </a:ext>
            </a:extLst>
          </p:cNvPr>
          <p:cNvSpPr/>
          <p:nvPr/>
        </p:nvSpPr>
        <p:spPr>
          <a:xfrm>
            <a:off x="4674619" y="289887"/>
            <a:ext cx="2201309" cy="1851212"/>
          </a:xfrm>
          <a:custGeom>
            <a:avLst/>
            <a:gdLst>
              <a:gd name="connsiteX0" fmla="*/ 0 w 2201309"/>
              <a:gd name="connsiteY0" fmla="*/ 925606 h 1851212"/>
              <a:gd name="connsiteX1" fmla="*/ 1100655 w 2201309"/>
              <a:gd name="connsiteY1" fmla="*/ 0 h 1851212"/>
              <a:gd name="connsiteX2" fmla="*/ 2201310 w 2201309"/>
              <a:gd name="connsiteY2" fmla="*/ 925606 h 1851212"/>
              <a:gd name="connsiteX3" fmla="*/ 1100655 w 2201309"/>
              <a:gd name="connsiteY3" fmla="*/ 1851212 h 1851212"/>
              <a:gd name="connsiteX4" fmla="*/ 0 w 2201309"/>
              <a:gd name="connsiteY4" fmla="*/ 925606 h 18512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201309" h="1851212" fill="none" extrusionOk="0">
                <a:moveTo>
                  <a:pt x="0" y="925606"/>
                </a:moveTo>
                <a:cubicBezTo>
                  <a:pt x="-116728" y="402312"/>
                  <a:pt x="426287" y="-73019"/>
                  <a:pt x="1100655" y="0"/>
                </a:cubicBezTo>
                <a:cubicBezTo>
                  <a:pt x="1695781" y="-25303"/>
                  <a:pt x="2235366" y="450386"/>
                  <a:pt x="2201310" y="925606"/>
                </a:cubicBezTo>
                <a:cubicBezTo>
                  <a:pt x="2205327" y="1326253"/>
                  <a:pt x="1641697" y="1743448"/>
                  <a:pt x="1100655" y="1851212"/>
                </a:cubicBezTo>
                <a:cubicBezTo>
                  <a:pt x="454389" y="1856808"/>
                  <a:pt x="102898" y="1386753"/>
                  <a:pt x="0" y="925606"/>
                </a:cubicBezTo>
                <a:close/>
              </a:path>
              <a:path w="2201309" h="1851212" stroke="0" extrusionOk="0">
                <a:moveTo>
                  <a:pt x="0" y="925606"/>
                </a:moveTo>
                <a:cubicBezTo>
                  <a:pt x="3412" y="444948"/>
                  <a:pt x="420876" y="66339"/>
                  <a:pt x="1100655" y="0"/>
                </a:cubicBezTo>
                <a:cubicBezTo>
                  <a:pt x="1778181" y="51209"/>
                  <a:pt x="2182094" y="304228"/>
                  <a:pt x="2201310" y="925606"/>
                </a:cubicBezTo>
                <a:cubicBezTo>
                  <a:pt x="2055594" y="1470425"/>
                  <a:pt x="1584427" y="1890901"/>
                  <a:pt x="1100655" y="1851212"/>
                </a:cubicBezTo>
                <a:cubicBezTo>
                  <a:pt x="528650" y="1731628"/>
                  <a:pt x="-87892" y="1508291"/>
                  <a:pt x="0" y="925606"/>
                </a:cubicBezTo>
                <a:close/>
              </a:path>
            </a:pathLst>
          </a:custGeom>
          <a:solidFill>
            <a:srgbClr val="002060"/>
          </a:solidFill>
          <a:ln>
            <a:solidFill>
              <a:srgbClr val="FF6600"/>
            </a:solidFill>
            <a:extLst>
              <a:ext uri="{C807C97D-BFC1-408E-A445-0C87EB9F89A2}">
                <ask:lineSketchStyleProps xmlns:ask="http://schemas.microsoft.com/office/drawing/2018/sketchyshapes" sd="383965263">
                  <a:prstGeom prst="ellipse">
                    <a:avLst/>
                  </a:prstGeom>
                  <ask:type>
                    <ask:lineSketchFreehand/>
                  </ask:type>
                </ask:lineSketchStyleProps>
              </a:ext>
            </a:extLs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800" b="1" dirty="0">
                <a:solidFill>
                  <a:srgbClr val="FF0000"/>
                </a:solidFill>
                <a:latin typeface="BIZ UDP明朝 Medium" panose="02020500000000000000" pitchFamily="18" charset="-128"/>
                <a:ea typeface="BIZ UDP明朝 Medium" panose="02020500000000000000" pitchFamily="18" charset="-128"/>
              </a:rPr>
              <a:t>電気</a:t>
            </a:r>
            <a:endParaRPr kumimoji="1" lang="ja-JP" altLang="en-US" sz="8800" b="1" dirty="0">
              <a:solidFill>
                <a:srgbClr val="FF0000"/>
              </a:solidFill>
              <a:latin typeface="BIZ UDP明朝 Medium" panose="02020500000000000000" pitchFamily="18" charset="-128"/>
              <a:ea typeface="BIZ UDP明朝 Medium" panose="02020500000000000000" pitchFamily="18" charset="-128"/>
            </a:endParaRPr>
          </a:p>
        </p:txBody>
      </p:sp>
      <p:sp>
        <p:nvSpPr>
          <p:cNvPr id="6" name="楕円 5">
            <a:extLst>
              <a:ext uri="{FF2B5EF4-FFF2-40B4-BE49-F238E27FC236}">
                <a16:creationId xmlns:a16="http://schemas.microsoft.com/office/drawing/2014/main" id="{8FE95414-AB06-4810-A22B-C4EF51E6CE11}"/>
              </a:ext>
            </a:extLst>
          </p:cNvPr>
          <p:cNvSpPr/>
          <p:nvPr/>
        </p:nvSpPr>
        <p:spPr>
          <a:xfrm>
            <a:off x="601671" y="1803457"/>
            <a:ext cx="1101623" cy="1065249"/>
          </a:xfrm>
          <a:prstGeom prst="ellipse">
            <a:avLst/>
          </a:prstGeom>
          <a:solidFill>
            <a:srgbClr val="FFC000"/>
          </a:solid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a:solidFill>
                  <a:srgbClr val="C00000"/>
                </a:solidFill>
                <a:latin typeface="BIZ UDP明朝 Medium" panose="02020500000000000000" pitchFamily="18" charset="-128"/>
                <a:ea typeface="BIZ UDP明朝 Medium" panose="02020500000000000000" pitchFamily="18" charset="-128"/>
              </a:rPr>
              <a:t>データ</a:t>
            </a:r>
          </a:p>
        </p:txBody>
      </p:sp>
      <p:sp>
        <p:nvSpPr>
          <p:cNvPr id="9" name="楕円 8">
            <a:extLst>
              <a:ext uri="{FF2B5EF4-FFF2-40B4-BE49-F238E27FC236}">
                <a16:creationId xmlns:a16="http://schemas.microsoft.com/office/drawing/2014/main" id="{3C7AAECC-BE90-494A-93D9-F09643D744C2}"/>
              </a:ext>
            </a:extLst>
          </p:cNvPr>
          <p:cNvSpPr/>
          <p:nvPr/>
        </p:nvSpPr>
        <p:spPr>
          <a:xfrm>
            <a:off x="601671" y="3004727"/>
            <a:ext cx="1101623" cy="1065249"/>
          </a:xfrm>
          <a:prstGeom prst="ellipse">
            <a:avLst/>
          </a:prstGeom>
          <a:solidFill>
            <a:srgbClr val="FFC000"/>
          </a:solid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a:solidFill>
                  <a:srgbClr val="C00000"/>
                </a:solidFill>
                <a:latin typeface="BIZ UDP明朝 Medium" panose="02020500000000000000" pitchFamily="18" charset="-128"/>
                <a:ea typeface="BIZ UDP明朝 Medium" panose="02020500000000000000" pitchFamily="18" charset="-128"/>
              </a:rPr>
              <a:t>データ</a:t>
            </a:r>
          </a:p>
        </p:txBody>
      </p:sp>
      <p:sp>
        <p:nvSpPr>
          <p:cNvPr id="10" name="楕円 9">
            <a:extLst>
              <a:ext uri="{FF2B5EF4-FFF2-40B4-BE49-F238E27FC236}">
                <a16:creationId xmlns:a16="http://schemas.microsoft.com/office/drawing/2014/main" id="{D2679725-4AC3-4393-B24A-903CAB8CB240}"/>
              </a:ext>
            </a:extLst>
          </p:cNvPr>
          <p:cNvSpPr/>
          <p:nvPr/>
        </p:nvSpPr>
        <p:spPr>
          <a:xfrm>
            <a:off x="555295" y="4205997"/>
            <a:ext cx="1101623" cy="1065249"/>
          </a:xfrm>
          <a:prstGeom prst="ellipse">
            <a:avLst/>
          </a:prstGeom>
          <a:solidFill>
            <a:srgbClr val="FFC000"/>
          </a:solid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a:solidFill>
                  <a:srgbClr val="C00000"/>
                </a:solidFill>
                <a:latin typeface="BIZ UDP明朝 Medium" panose="02020500000000000000" pitchFamily="18" charset="-128"/>
                <a:ea typeface="BIZ UDP明朝 Medium" panose="02020500000000000000" pitchFamily="18" charset="-128"/>
              </a:rPr>
              <a:t>データ</a:t>
            </a:r>
          </a:p>
        </p:txBody>
      </p:sp>
      <p:sp>
        <p:nvSpPr>
          <p:cNvPr id="11" name="楕円 10">
            <a:extLst>
              <a:ext uri="{FF2B5EF4-FFF2-40B4-BE49-F238E27FC236}">
                <a16:creationId xmlns:a16="http://schemas.microsoft.com/office/drawing/2014/main" id="{D2493272-21F3-43F1-9A7B-57269FC04C8C}"/>
              </a:ext>
            </a:extLst>
          </p:cNvPr>
          <p:cNvSpPr/>
          <p:nvPr/>
        </p:nvSpPr>
        <p:spPr>
          <a:xfrm>
            <a:off x="555295" y="5371409"/>
            <a:ext cx="1101623" cy="1065249"/>
          </a:xfrm>
          <a:prstGeom prst="ellipse">
            <a:avLst/>
          </a:prstGeom>
          <a:solidFill>
            <a:srgbClr val="FFC000"/>
          </a:solid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a:solidFill>
                  <a:srgbClr val="C00000"/>
                </a:solidFill>
                <a:latin typeface="BIZ UDP明朝 Medium" panose="02020500000000000000" pitchFamily="18" charset="-128"/>
                <a:ea typeface="BIZ UDP明朝 Medium" panose="02020500000000000000" pitchFamily="18" charset="-128"/>
              </a:rPr>
              <a:t>データ</a:t>
            </a:r>
          </a:p>
        </p:txBody>
      </p:sp>
      <p:sp>
        <p:nvSpPr>
          <p:cNvPr id="2" name="四角形: 角を丸くする 1">
            <a:extLst>
              <a:ext uri="{FF2B5EF4-FFF2-40B4-BE49-F238E27FC236}">
                <a16:creationId xmlns:a16="http://schemas.microsoft.com/office/drawing/2014/main" id="{7E01314D-BC4E-42A1-911F-64247F355CD5}"/>
              </a:ext>
            </a:extLst>
          </p:cNvPr>
          <p:cNvSpPr/>
          <p:nvPr/>
        </p:nvSpPr>
        <p:spPr>
          <a:xfrm>
            <a:off x="2241176" y="2933007"/>
            <a:ext cx="1559859" cy="1201270"/>
          </a:xfrm>
          <a:custGeom>
            <a:avLst/>
            <a:gdLst>
              <a:gd name="connsiteX0" fmla="*/ 0 w 1559859"/>
              <a:gd name="connsiteY0" fmla="*/ 200216 h 1201270"/>
              <a:gd name="connsiteX1" fmla="*/ 200216 w 1559859"/>
              <a:gd name="connsiteY1" fmla="*/ 0 h 1201270"/>
              <a:gd name="connsiteX2" fmla="*/ 779930 w 1559859"/>
              <a:gd name="connsiteY2" fmla="*/ 0 h 1201270"/>
              <a:gd name="connsiteX3" fmla="*/ 1359643 w 1559859"/>
              <a:gd name="connsiteY3" fmla="*/ 0 h 1201270"/>
              <a:gd name="connsiteX4" fmla="*/ 1559859 w 1559859"/>
              <a:gd name="connsiteY4" fmla="*/ 200216 h 1201270"/>
              <a:gd name="connsiteX5" fmla="*/ 1559859 w 1559859"/>
              <a:gd name="connsiteY5" fmla="*/ 608643 h 1201270"/>
              <a:gd name="connsiteX6" fmla="*/ 1559859 w 1559859"/>
              <a:gd name="connsiteY6" fmla="*/ 1001054 h 1201270"/>
              <a:gd name="connsiteX7" fmla="*/ 1359643 w 1559859"/>
              <a:gd name="connsiteY7" fmla="*/ 1201270 h 1201270"/>
              <a:gd name="connsiteX8" fmla="*/ 791524 w 1559859"/>
              <a:gd name="connsiteY8" fmla="*/ 1201270 h 1201270"/>
              <a:gd name="connsiteX9" fmla="*/ 200216 w 1559859"/>
              <a:gd name="connsiteY9" fmla="*/ 1201270 h 1201270"/>
              <a:gd name="connsiteX10" fmla="*/ 0 w 1559859"/>
              <a:gd name="connsiteY10" fmla="*/ 1001054 h 1201270"/>
              <a:gd name="connsiteX11" fmla="*/ 0 w 1559859"/>
              <a:gd name="connsiteY11" fmla="*/ 600635 h 1201270"/>
              <a:gd name="connsiteX12" fmla="*/ 0 w 1559859"/>
              <a:gd name="connsiteY12" fmla="*/ 200216 h 12012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559859" h="1201270" fill="none" extrusionOk="0">
                <a:moveTo>
                  <a:pt x="0" y="200216"/>
                </a:moveTo>
                <a:cubicBezTo>
                  <a:pt x="-17144" y="114716"/>
                  <a:pt x="77833" y="-19596"/>
                  <a:pt x="200216" y="0"/>
                </a:cubicBezTo>
                <a:cubicBezTo>
                  <a:pt x="352693" y="-24599"/>
                  <a:pt x="608502" y="30792"/>
                  <a:pt x="779930" y="0"/>
                </a:cubicBezTo>
                <a:cubicBezTo>
                  <a:pt x="951358" y="-30792"/>
                  <a:pt x="1181725" y="27239"/>
                  <a:pt x="1359643" y="0"/>
                </a:cubicBezTo>
                <a:cubicBezTo>
                  <a:pt x="1454305" y="892"/>
                  <a:pt x="1560683" y="72300"/>
                  <a:pt x="1559859" y="200216"/>
                </a:cubicBezTo>
                <a:cubicBezTo>
                  <a:pt x="1607137" y="374330"/>
                  <a:pt x="1518680" y="433430"/>
                  <a:pt x="1559859" y="608643"/>
                </a:cubicBezTo>
                <a:cubicBezTo>
                  <a:pt x="1601038" y="783856"/>
                  <a:pt x="1522020" y="813148"/>
                  <a:pt x="1559859" y="1001054"/>
                </a:cubicBezTo>
                <a:cubicBezTo>
                  <a:pt x="1560116" y="1106002"/>
                  <a:pt x="1487629" y="1225562"/>
                  <a:pt x="1359643" y="1201270"/>
                </a:cubicBezTo>
                <a:cubicBezTo>
                  <a:pt x="1179569" y="1245308"/>
                  <a:pt x="959155" y="1161709"/>
                  <a:pt x="791524" y="1201270"/>
                </a:cubicBezTo>
                <a:cubicBezTo>
                  <a:pt x="623893" y="1240831"/>
                  <a:pt x="320455" y="1193590"/>
                  <a:pt x="200216" y="1201270"/>
                </a:cubicBezTo>
                <a:cubicBezTo>
                  <a:pt x="116041" y="1217617"/>
                  <a:pt x="7911" y="1108435"/>
                  <a:pt x="0" y="1001054"/>
                </a:cubicBezTo>
                <a:cubicBezTo>
                  <a:pt x="-46557" y="881233"/>
                  <a:pt x="37244" y="760218"/>
                  <a:pt x="0" y="600635"/>
                </a:cubicBezTo>
                <a:cubicBezTo>
                  <a:pt x="-37244" y="441052"/>
                  <a:pt x="16815" y="390829"/>
                  <a:pt x="0" y="200216"/>
                </a:cubicBezTo>
                <a:close/>
              </a:path>
              <a:path w="1559859" h="1201270" stroke="0" extrusionOk="0">
                <a:moveTo>
                  <a:pt x="0" y="200216"/>
                </a:moveTo>
                <a:cubicBezTo>
                  <a:pt x="14086" y="97897"/>
                  <a:pt x="100356" y="16093"/>
                  <a:pt x="200216" y="0"/>
                </a:cubicBezTo>
                <a:cubicBezTo>
                  <a:pt x="346817" y="-23748"/>
                  <a:pt x="526477" y="19970"/>
                  <a:pt x="768335" y="0"/>
                </a:cubicBezTo>
                <a:cubicBezTo>
                  <a:pt x="1010193" y="-19970"/>
                  <a:pt x="1195576" y="61819"/>
                  <a:pt x="1359643" y="0"/>
                </a:cubicBezTo>
                <a:cubicBezTo>
                  <a:pt x="1465937" y="2688"/>
                  <a:pt x="1580683" y="104051"/>
                  <a:pt x="1559859" y="200216"/>
                </a:cubicBezTo>
                <a:cubicBezTo>
                  <a:pt x="1566129" y="304562"/>
                  <a:pt x="1523448" y="432914"/>
                  <a:pt x="1559859" y="600635"/>
                </a:cubicBezTo>
                <a:cubicBezTo>
                  <a:pt x="1596270" y="768356"/>
                  <a:pt x="1541358" y="907303"/>
                  <a:pt x="1559859" y="1001054"/>
                </a:cubicBezTo>
                <a:cubicBezTo>
                  <a:pt x="1578010" y="1096511"/>
                  <a:pt x="1470573" y="1197381"/>
                  <a:pt x="1359643" y="1201270"/>
                </a:cubicBezTo>
                <a:cubicBezTo>
                  <a:pt x="1166672" y="1207324"/>
                  <a:pt x="943904" y="1141333"/>
                  <a:pt x="814712" y="1201270"/>
                </a:cubicBezTo>
                <a:cubicBezTo>
                  <a:pt x="685520" y="1261207"/>
                  <a:pt x="473476" y="1197043"/>
                  <a:pt x="200216" y="1201270"/>
                </a:cubicBezTo>
                <a:cubicBezTo>
                  <a:pt x="82796" y="1210501"/>
                  <a:pt x="2103" y="1121597"/>
                  <a:pt x="0" y="1001054"/>
                </a:cubicBezTo>
                <a:cubicBezTo>
                  <a:pt x="-21700" y="819363"/>
                  <a:pt x="18132" y="795192"/>
                  <a:pt x="0" y="608643"/>
                </a:cubicBezTo>
                <a:cubicBezTo>
                  <a:pt x="-18132" y="422094"/>
                  <a:pt x="5654" y="299374"/>
                  <a:pt x="0" y="200216"/>
                </a:cubicBezTo>
                <a:close/>
              </a:path>
            </a:pathLst>
          </a:custGeom>
          <a:solidFill>
            <a:schemeClr val="accent2">
              <a:lumMod val="75000"/>
            </a:schemeClr>
          </a:solidFill>
          <a:ln>
            <a:solidFill>
              <a:srgbClr val="FF6600"/>
            </a:solidFill>
            <a:extLst>
              <a:ext uri="{C807C97D-BFC1-408E-A445-0C87EB9F89A2}">
                <ask:lineSketchStyleProps xmlns:ask="http://schemas.microsoft.com/office/drawing/2018/sketchyshapes" sd="548037116">
                  <a:prstGeom prst="roundRect">
                    <a:avLst/>
                  </a:prstGeom>
                  <ask:type>
                    <ask:lineSketchScribble/>
                  </ask:type>
                </ask:lineSketchStyleProps>
              </a:ext>
            </a:extLs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600" dirty="0">
                <a:latin typeface="BIZ UDPゴシック" panose="020B0400000000000000" pitchFamily="50" charset="-128"/>
                <a:ea typeface="BIZ UDPゴシック" panose="020B0400000000000000" pitchFamily="50" charset="-128"/>
              </a:rPr>
              <a:t>事前学習</a:t>
            </a:r>
          </a:p>
        </p:txBody>
      </p:sp>
      <p:cxnSp>
        <p:nvCxnSpPr>
          <p:cNvPr id="12" name="直線矢印コネクタ 11">
            <a:extLst>
              <a:ext uri="{FF2B5EF4-FFF2-40B4-BE49-F238E27FC236}">
                <a16:creationId xmlns:a16="http://schemas.microsoft.com/office/drawing/2014/main" id="{3D4D728D-37B5-46D5-823F-716B261F87BE}"/>
              </a:ext>
            </a:extLst>
          </p:cNvPr>
          <p:cNvCxnSpPr>
            <a:cxnSpLocks/>
            <a:stCxn id="3" idx="6"/>
            <a:endCxn id="2" idx="1"/>
          </p:cNvCxnSpPr>
          <p:nvPr/>
        </p:nvCxnSpPr>
        <p:spPr>
          <a:xfrm>
            <a:off x="1703294" y="1170670"/>
            <a:ext cx="537882" cy="2362972"/>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4" name="直線矢印コネクタ 13">
            <a:extLst>
              <a:ext uri="{FF2B5EF4-FFF2-40B4-BE49-F238E27FC236}">
                <a16:creationId xmlns:a16="http://schemas.microsoft.com/office/drawing/2014/main" id="{A13C8EF2-A651-427D-A495-57833ACB0E90}"/>
              </a:ext>
            </a:extLst>
          </p:cNvPr>
          <p:cNvCxnSpPr>
            <a:cxnSpLocks/>
            <a:stCxn id="11" idx="6"/>
            <a:endCxn id="2" idx="1"/>
          </p:cNvCxnSpPr>
          <p:nvPr/>
        </p:nvCxnSpPr>
        <p:spPr>
          <a:xfrm flipV="1">
            <a:off x="1656918" y="3533642"/>
            <a:ext cx="584258" cy="2370392"/>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6" name="直線矢印コネクタ 15">
            <a:extLst>
              <a:ext uri="{FF2B5EF4-FFF2-40B4-BE49-F238E27FC236}">
                <a16:creationId xmlns:a16="http://schemas.microsoft.com/office/drawing/2014/main" id="{A64A61C5-7F64-424C-9EBB-AEAC14A2DE15}"/>
              </a:ext>
            </a:extLst>
          </p:cNvPr>
          <p:cNvCxnSpPr>
            <a:cxnSpLocks/>
            <a:stCxn id="9" idx="6"/>
            <a:endCxn id="2" idx="1"/>
          </p:cNvCxnSpPr>
          <p:nvPr/>
        </p:nvCxnSpPr>
        <p:spPr>
          <a:xfrm flipV="1">
            <a:off x="1703294" y="3533642"/>
            <a:ext cx="537882" cy="371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8" name="直線矢印コネクタ 17">
            <a:extLst>
              <a:ext uri="{FF2B5EF4-FFF2-40B4-BE49-F238E27FC236}">
                <a16:creationId xmlns:a16="http://schemas.microsoft.com/office/drawing/2014/main" id="{5501B290-37D7-41AA-B8F6-EF886B194868}"/>
              </a:ext>
            </a:extLst>
          </p:cNvPr>
          <p:cNvCxnSpPr>
            <a:cxnSpLocks/>
            <a:stCxn id="6" idx="6"/>
            <a:endCxn id="2" idx="1"/>
          </p:cNvCxnSpPr>
          <p:nvPr/>
        </p:nvCxnSpPr>
        <p:spPr>
          <a:xfrm>
            <a:off x="1703294" y="2336082"/>
            <a:ext cx="537882" cy="119756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0" name="直線矢印コネクタ 19">
            <a:extLst>
              <a:ext uri="{FF2B5EF4-FFF2-40B4-BE49-F238E27FC236}">
                <a16:creationId xmlns:a16="http://schemas.microsoft.com/office/drawing/2014/main" id="{5E925C80-D7E9-42A4-8A06-F479C3F5F398}"/>
              </a:ext>
            </a:extLst>
          </p:cNvPr>
          <p:cNvCxnSpPr>
            <a:cxnSpLocks/>
            <a:stCxn id="10" idx="6"/>
            <a:endCxn id="2" idx="1"/>
          </p:cNvCxnSpPr>
          <p:nvPr/>
        </p:nvCxnSpPr>
        <p:spPr>
          <a:xfrm flipV="1">
            <a:off x="1656918" y="3533642"/>
            <a:ext cx="584258" cy="120498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6" name="四角形: 角を丸くする 25">
            <a:extLst>
              <a:ext uri="{FF2B5EF4-FFF2-40B4-BE49-F238E27FC236}">
                <a16:creationId xmlns:a16="http://schemas.microsoft.com/office/drawing/2014/main" id="{8893D3E1-FA4E-4B50-8540-5D6194B12C11}"/>
              </a:ext>
            </a:extLst>
          </p:cNvPr>
          <p:cNvSpPr/>
          <p:nvPr/>
        </p:nvSpPr>
        <p:spPr>
          <a:xfrm>
            <a:off x="5316070" y="2868706"/>
            <a:ext cx="1559859" cy="1201270"/>
          </a:xfrm>
          <a:custGeom>
            <a:avLst/>
            <a:gdLst>
              <a:gd name="connsiteX0" fmla="*/ 0 w 1559859"/>
              <a:gd name="connsiteY0" fmla="*/ 200216 h 1201270"/>
              <a:gd name="connsiteX1" fmla="*/ 200216 w 1559859"/>
              <a:gd name="connsiteY1" fmla="*/ 0 h 1201270"/>
              <a:gd name="connsiteX2" fmla="*/ 791524 w 1559859"/>
              <a:gd name="connsiteY2" fmla="*/ 0 h 1201270"/>
              <a:gd name="connsiteX3" fmla="*/ 1359643 w 1559859"/>
              <a:gd name="connsiteY3" fmla="*/ 0 h 1201270"/>
              <a:gd name="connsiteX4" fmla="*/ 1559859 w 1559859"/>
              <a:gd name="connsiteY4" fmla="*/ 200216 h 1201270"/>
              <a:gd name="connsiteX5" fmla="*/ 1559859 w 1559859"/>
              <a:gd name="connsiteY5" fmla="*/ 616652 h 1201270"/>
              <a:gd name="connsiteX6" fmla="*/ 1559859 w 1559859"/>
              <a:gd name="connsiteY6" fmla="*/ 1001054 h 1201270"/>
              <a:gd name="connsiteX7" fmla="*/ 1359643 w 1559859"/>
              <a:gd name="connsiteY7" fmla="*/ 1201270 h 1201270"/>
              <a:gd name="connsiteX8" fmla="*/ 803118 w 1559859"/>
              <a:gd name="connsiteY8" fmla="*/ 1201270 h 1201270"/>
              <a:gd name="connsiteX9" fmla="*/ 200216 w 1559859"/>
              <a:gd name="connsiteY9" fmla="*/ 1201270 h 1201270"/>
              <a:gd name="connsiteX10" fmla="*/ 0 w 1559859"/>
              <a:gd name="connsiteY10" fmla="*/ 1001054 h 1201270"/>
              <a:gd name="connsiteX11" fmla="*/ 0 w 1559859"/>
              <a:gd name="connsiteY11" fmla="*/ 584618 h 1201270"/>
              <a:gd name="connsiteX12" fmla="*/ 0 w 1559859"/>
              <a:gd name="connsiteY12" fmla="*/ 200216 h 12012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559859" h="1201270" fill="none" extrusionOk="0">
                <a:moveTo>
                  <a:pt x="0" y="200216"/>
                </a:moveTo>
                <a:cubicBezTo>
                  <a:pt x="495" y="84595"/>
                  <a:pt x="75666" y="-842"/>
                  <a:pt x="200216" y="0"/>
                </a:cubicBezTo>
                <a:cubicBezTo>
                  <a:pt x="406671" y="-24726"/>
                  <a:pt x="587037" y="21569"/>
                  <a:pt x="791524" y="0"/>
                </a:cubicBezTo>
                <a:cubicBezTo>
                  <a:pt x="996011" y="-21569"/>
                  <a:pt x="1154373" y="2836"/>
                  <a:pt x="1359643" y="0"/>
                </a:cubicBezTo>
                <a:cubicBezTo>
                  <a:pt x="1461558" y="-17708"/>
                  <a:pt x="1553645" y="86454"/>
                  <a:pt x="1559859" y="200216"/>
                </a:cubicBezTo>
                <a:cubicBezTo>
                  <a:pt x="1572752" y="386405"/>
                  <a:pt x="1577069" y="479736"/>
                  <a:pt x="1559859" y="616652"/>
                </a:cubicBezTo>
                <a:cubicBezTo>
                  <a:pt x="1542649" y="753568"/>
                  <a:pt x="1541905" y="850640"/>
                  <a:pt x="1559859" y="1001054"/>
                </a:cubicBezTo>
                <a:cubicBezTo>
                  <a:pt x="1548197" y="1117466"/>
                  <a:pt x="1474378" y="1210853"/>
                  <a:pt x="1359643" y="1201270"/>
                </a:cubicBezTo>
                <a:cubicBezTo>
                  <a:pt x="1198351" y="1197543"/>
                  <a:pt x="1008755" y="1226833"/>
                  <a:pt x="803118" y="1201270"/>
                </a:cubicBezTo>
                <a:cubicBezTo>
                  <a:pt x="597482" y="1175707"/>
                  <a:pt x="391748" y="1192493"/>
                  <a:pt x="200216" y="1201270"/>
                </a:cubicBezTo>
                <a:cubicBezTo>
                  <a:pt x="83695" y="1174419"/>
                  <a:pt x="18788" y="1121322"/>
                  <a:pt x="0" y="1001054"/>
                </a:cubicBezTo>
                <a:cubicBezTo>
                  <a:pt x="688" y="870502"/>
                  <a:pt x="5936" y="722390"/>
                  <a:pt x="0" y="584618"/>
                </a:cubicBezTo>
                <a:cubicBezTo>
                  <a:pt x="-5936" y="446846"/>
                  <a:pt x="-1854" y="349662"/>
                  <a:pt x="0" y="200216"/>
                </a:cubicBezTo>
                <a:close/>
              </a:path>
              <a:path w="1559859" h="1201270" stroke="0" extrusionOk="0">
                <a:moveTo>
                  <a:pt x="0" y="200216"/>
                </a:moveTo>
                <a:cubicBezTo>
                  <a:pt x="5778" y="81280"/>
                  <a:pt x="75429" y="8121"/>
                  <a:pt x="200216" y="0"/>
                </a:cubicBezTo>
                <a:cubicBezTo>
                  <a:pt x="427621" y="14426"/>
                  <a:pt x="576983" y="3087"/>
                  <a:pt x="779930" y="0"/>
                </a:cubicBezTo>
                <a:cubicBezTo>
                  <a:pt x="982877" y="-3087"/>
                  <a:pt x="1089293" y="16336"/>
                  <a:pt x="1359643" y="0"/>
                </a:cubicBezTo>
                <a:cubicBezTo>
                  <a:pt x="1478335" y="-12119"/>
                  <a:pt x="1538895" y="96612"/>
                  <a:pt x="1559859" y="200216"/>
                </a:cubicBezTo>
                <a:cubicBezTo>
                  <a:pt x="1568955" y="329843"/>
                  <a:pt x="1543719" y="502957"/>
                  <a:pt x="1559859" y="592627"/>
                </a:cubicBezTo>
                <a:cubicBezTo>
                  <a:pt x="1575999" y="682297"/>
                  <a:pt x="1567812" y="854056"/>
                  <a:pt x="1559859" y="1001054"/>
                </a:cubicBezTo>
                <a:cubicBezTo>
                  <a:pt x="1536305" y="1111276"/>
                  <a:pt x="1479151" y="1198987"/>
                  <a:pt x="1359643" y="1201270"/>
                </a:cubicBezTo>
                <a:cubicBezTo>
                  <a:pt x="1182606" y="1181014"/>
                  <a:pt x="967033" y="1213669"/>
                  <a:pt x="779930" y="1201270"/>
                </a:cubicBezTo>
                <a:cubicBezTo>
                  <a:pt x="592827" y="1188871"/>
                  <a:pt x="454544" y="1198170"/>
                  <a:pt x="200216" y="1201270"/>
                </a:cubicBezTo>
                <a:cubicBezTo>
                  <a:pt x="88833" y="1221676"/>
                  <a:pt x="-13060" y="1119017"/>
                  <a:pt x="0" y="1001054"/>
                </a:cubicBezTo>
                <a:cubicBezTo>
                  <a:pt x="15578" y="846833"/>
                  <a:pt x="-17120" y="738280"/>
                  <a:pt x="0" y="584618"/>
                </a:cubicBezTo>
                <a:cubicBezTo>
                  <a:pt x="17120" y="430956"/>
                  <a:pt x="1960" y="324011"/>
                  <a:pt x="0" y="200216"/>
                </a:cubicBezTo>
                <a:close/>
              </a:path>
            </a:pathLst>
          </a:custGeom>
          <a:solidFill>
            <a:srgbClr val="C00000"/>
          </a:solidFill>
          <a:ln>
            <a:solidFill>
              <a:srgbClr val="FF6600"/>
            </a:solidFill>
            <a:extLst>
              <a:ext uri="{C807C97D-BFC1-408E-A445-0C87EB9F89A2}">
                <ask:lineSketchStyleProps xmlns:ask="http://schemas.microsoft.com/office/drawing/2018/sketchyshapes" sd="2694257748">
                  <a:prstGeom prst="roundRect">
                    <a:avLst/>
                  </a:prstGeom>
                  <ask:type>
                    <ask:lineSketchFreehand/>
                  </ask:type>
                </ask:lineSketchStyleProps>
              </a:ext>
            </a:extLs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600" dirty="0">
                <a:latin typeface="BIZ UDPゴシック" panose="020B0400000000000000" pitchFamily="50" charset="-128"/>
                <a:ea typeface="BIZ UDPゴシック" panose="020B0400000000000000" pitchFamily="50" charset="-128"/>
              </a:rPr>
              <a:t>学習</a:t>
            </a:r>
            <a:endParaRPr kumimoji="1" lang="en-US" altLang="ja-JP" sz="3600" dirty="0">
              <a:latin typeface="BIZ UDPゴシック" panose="020B0400000000000000" pitchFamily="50" charset="-128"/>
              <a:ea typeface="BIZ UDPゴシック" panose="020B0400000000000000" pitchFamily="50" charset="-128"/>
            </a:endParaRPr>
          </a:p>
          <a:p>
            <a:pPr algn="ctr"/>
            <a:r>
              <a:rPr kumimoji="1" lang="ja-JP" altLang="en-US" sz="3600" b="1" dirty="0">
                <a:solidFill>
                  <a:schemeClr val="accent4">
                    <a:lumMod val="60000"/>
                    <a:lumOff val="40000"/>
                  </a:schemeClr>
                </a:solidFill>
                <a:latin typeface="BIZ UDPゴシック" panose="020B0400000000000000" pitchFamily="50" charset="-128"/>
                <a:ea typeface="BIZ UDPゴシック" panose="020B0400000000000000" pitchFamily="50" charset="-128"/>
              </a:rPr>
              <a:t>済</a:t>
            </a:r>
          </a:p>
        </p:txBody>
      </p:sp>
      <p:sp>
        <p:nvSpPr>
          <p:cNvPr id="27" name="矢印: 右 26">
            <a:extLst>
              <a:ext uri="{FF2B5EF4-FFF2-40B4-BE49-F238E27FC236}">
                <a16:creationId xmlns:a16="http://schemas.microsoft.com/office/drawing/2014/main" id="{1324A370-F64C-4F3C-8CAD-6A3A1C4372F7}"/>
              </a:ext>
            </a:extLst>
          </p:cNvPr>
          <p:cNvSpPr/>
          <p:nvPr/>
        </p:nvSpPr>
        <p:spPr>
          <a:xfrm>
            <a:off x="3854867" y="3203028"/>
            <a:ext cx="1389485" cy="532625"/>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3" name="矢印: 右 32">
            <a:extLst>
              <a:ext uri="{FF2B5EF4-FFF2-40B4-BE49-F238E27FC236}">
                <a16:creationId xmlns:a16="http://schemas.microsoft.com/office/drawing/2014/main" id="{B6F522DF-AB4A-44C5-8A17-90A0B39238AB}"/>
              </a:ext>
            </a:extLst>
          </p:cNvPr>
          <p:cNvSpPr/>
          <p:nvPr/>
        </p:nvSpPr>
        <p:spPr>
          <a:xfrm rot="5400000">
            <a:off x="2722641" y="2368234"/>
            <a:ext cx="596925" cy="532625"/>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5" name="object 5">
            <a:extLst>
              <a:ext uri="{FF2B5EF4-FFF2-40B4-BE49-F238E27FC236}">
                <a16:creationId xmlns:a16="http://schemas.microsoft.com/office/drawing/2014/main" id="{6478077D-3F05-40D8-A453-DFEEB5A5E4AD}"/>
              </a:ext>
            </a:extLst>
          </p:cNvPr>
          <p:cNvPicPr/>
          <p:nvPr/>
        </p:nvPicPr>
        <p:blipFill>
          <a:blip r:embed="rId2" cstate="print"/>
          <a:stretch>
            <a:fillRect/>
          </a:stretch>
        </p:blipFill>
        <p:spPr>
          <a:xfrm>
            <a:off x="2168102" y="4595571"/>
            <a:ext cx="5013033" cy="2137343"/>
          </a:xfrm>
          <a:prstGeom prst="rect">
            <a:avLst/>
          </a:prstGeom>
        </p:spPr>
      </p:pic>
      <p:sp>
        <p:nvSpPr>
          <p:cNvPr id="36" name="十字形 35">
            <a:extLst>
              <a:ext uri="{FF2B5EF4-FFF2-40B4-BE49-F238E27FC236}">
                <a16:creationId xmlns:a16="http://schemas.microsoft.com/office/drawing/2014/main" id="{6664780A-D58D-49D6-8C47-BACBF64B1CC1}"/>
              </a:ext>
            </a:extLst>
          </p:cNvPr>
          <p:cNvSpPr/>
          <p:nvPr/>
        </p:nvSpPr>
        <p:spPr>
          <a:xfrm>
            <a:off x="4113227" y="906211"/>
            <a:ext cx="502024" cy="618565"/>
          </a:xfrm>
          <a:prstGeom prst="plus">
            <a:avLst>
              <a:gd name="adj" fmla="val 33928"/>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object 4">
            <a:extLst>
              <a:ext uri="{FF2B5EF4-FFF2-40B4-BE49-F238E27FC236}">
                <a16:creationId xmlns:a16="http://schemas.microsoft.com/office/drawing/2014/main" id="{C28AF847-744D-49A7-AC52-46237552E33A}"/>
              </a:ext>
            </a:extLst>
          </p:cNvPr>
          <p:cNvSpPr txBox="1"/>
          <p:nvPr/>
        </p:nvSpPr>
        <p:spPr>
          <a:xfrm>
            <a:off x="7181135" y="5371409"/>
            <a:ext cx="4086389" cy="182101"/>
          </a:xfrm>
          <a:prstGeom prst="rect">
            <a:avLst/>
          </a:prstGeom>
        </p:spPr>
        <p:txBody>
          <a:bodyPr vert="horz" wrap="square" lIns="0" tIns="12700" rIns="0" bIns="0" rtlCol="0">
            <a:spAutoFit/>
          </a:bodyPr>
          <a:lstStyle/>
          <a:p>
            <a:pPr marL="12700">
              <a:lnSpc>
                <a:spcPct val="100000"/>
              </a:lnSpc>
              <a:spcBef>
                <a:spcPts val="100"/>
              </a:spcBef>
            </a:pPr>
            <a:r>
              <a:rPr lang="ja-JP" altLang="en-US" sz="1100" u="sng" spc="-10" dirty="0">
                <a:solidFill>
                  <a:srgbClr val="FF0000"/>
                </a:solidFill>
                <a:uFill>
                  <a:solidFill>
                    <a:srgbClr val="0562C1"/>
                  </a:solidFill>
                </a:uFill>
                <a:latin typeface="Amasis MT Pro Black" panose="02040A04050005020304" pitchFamily="18" charset="0"/>
                <a:cs typeface="游ゴシック"/>
                <a:hlinkClick r:id="rId3">
                  <a:extLst>
                    <a:ext uri="{A12FA001-AC4F-418D-AE19-62706E023703}">
                      <ahyp:hlinkClr xmlns:ahyp="http://schemas.microsoft.com/office/drawing/2018/hyperlinkcolor" val="tx"/>
                    </a:ext>
                  </a:extLst>
                </a:hlinkClick>
              </a:rPr>
              <a:t>←★出典：</a:t>
            </a:r>
            <a:r>
              <a:rPr sz="1100" u="sng" spc="-10" dirty="0">
                <a:solidFill>
                  <a:srgbClr val="0563C1"/>
                </a:solidFill>
                <a:uFill>
                  <a:solidFill>
                    <a:srgbClr val="0562C1"/>
                  </a:solidFill>
                </a:uFill>
                <a:latin typeface="Amasis MT Pro Black" panose="02040A04050005020304" pitchFamily="18" charset="0"/>
                <a:cs typeface="游ゴシック"/>
                <a:hlinkClick r:id="rId3">
                  <a:extLst>
                    <a:ext uri="{A12FA001-AC4F-418D-AE19-62706E023703}">
                      <ahyp:hlinkClr xmlns:ahyp="http://schemas.microsoft.com/office/drawing/2018/hyperlinkcolor" val="tx"/>
                    </a:ext>
                  </a:extLst>
                </a:hlinkClick>
              </a:rPr>
              <a:t>https://arxiv.org/pdf/1810.04805.pdf</a:t>
            </a:r>
            <a:endParaRPr sz="1100" dirty="0">
              <a:latin typeface="Amasis MT Pro Black" panose="02040A04050005020304" pitchFamily="18" charset="0"/>
              <a:cs typeface="游ゴシック"/>
            </a:endParaRPr>
          </a:p>
        </p:txBody>
      </p:sp>
      <p:sp>
        <p:nvSpPr>
          <p:cNvPr id="38" name="矢印: 右 37">
            <a:extLst>
              <a:ext uri="{FF2B5EF4-FFF2-40B4-BE49-F238E27FC236}">
                <a16:creationId xmlns:a16="http://schemas.microsoft.com/office/drawing/2014/main" id="{7CB40E34-E081-4078-88D9-B5ACDCE0E358}"/>
              </a:ext>
            </a:extLst>
          </p:cNvPr>
          <p:cNvSpPr/>
          <p:nvPr/>
        </p:nvSpPr>
        <p:spPr>
          <a:xfrm rot="16200000">
            <a:off x="2729315" y="4103654"/>
            <a:ext cx="471381" cy="532625"/>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矢印: 右 38">
            <a:extLst>
              <a:ext uri="{FF2B5EF4-FFF2-40B4-BE49-F238E27FC236}">
                <a16:creationId xmlns:a16="http://schemas.microsoft.com/office/drawing/2014/main" id="{6C4F01A3-FB40-42FC-B401-12263A7D41D9}"/>
              </a:ext>
            </a:extLst>
          </p:cNvPr>
          <p:cNvSpPr/>
          <p:nvPr/>
        </p:nvSpPr>
        <p:spPr>
          <a:xfrm rot="16200000">
            <a:off x="5860308" y="4066461"/>
            <a:ext cx="471381" cy="532625"/>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a:extLst>
              <a:ext uri="{FF2B5EF4-FFF2-40B4-BE49-F238E27FC236}">
                <a16:creationId xmlns:a16="http://schemas.microsoft.com/office/drawing/2014/main" id="{6B003E13-A451-48C7-AF87-914F7862EAA8}"/>
              </a:ext>
            </a:extLst>
          </p:cNvPr>
          <p:cNvSpPr txBox="1"/>
          <p:nvPr/>
        </p:nvSpPr>
        <p:spPr>
          <a:xfrm>
            <a:off x="7181135" y="5920074"/>
            <a:ext cx="4832977" cy="446276"/>
          </a:xfrm>
          <a:prstGeom prst="rect">
            <a:avLst/>
          </a:prstGeom>
          <a:noFill/>
        </p:spPr>
        <p:txBody>
          <a:bodyPr wrap="square">
            <a:spAutoFit/>
          </a:bodyPr>
          <a:lstStyle/>
          <a:p>
            <a:r>
              <a:rPr lang="en-US" altLang="ja-JP" sz="1100" dirty="0">
                <a:latin typeface="BIZ UDPゴシック" panose="020B0400000000000000" pitchFamily="50" charset="-128"/>
                <a:ea typeface="BIZ UDPゴシック" panose="020B0400000000000000" pitchFamily="50" charset="-128"/>
                <a:cs typeface="游ゴシック"/>
              </a:rPr>
              <a:t>Bidirectional</a:t>
            </a:r>
            <a:r>
              <a:rPr lang="en-US" altLang="ja-JP" sz="1100" spc="35" dirty="0">
                <a:latin typeface="BIZ UDPゴシック" panose="020B0400000000000000" pitchFamily="50" charset="-128"/>
                <a:ea typeface="BIZ UDPゴシック" panose="020B0400000000000000" pitchFamily="50" charset="-128"/>
                <a:cs typeface="游ゴシック"/>
              </a:rPr>
              <a:t> </a:t>
            </a:r>
            <a:r>
              <a:rPr lang="en-US" altLang="ja-JP" sz="1100" spc="-10" dirty="0">
                <a:latin typeface="BIZ UDPゴシック" panose="020B0400000000000000" pitchFamily="50" charset="-128"/>
                <a:ea typeface="BIZ UDPゴシック" panose="020B0400000000000000" pitchFamily="50" charset="-128"/>
                <a:cs typeface="游ゴシック"/>
              </a:rPr>
              <a:t>Encoder </a:t>
            </a:r>
            <a:r>
              <a:rPr lang="en-US" altLang="ja-JP" sz="1100" dirty="0">
                <a:latin typeface="BIZ UDPゴシック" panose="020B0400000000000000" pitchFamily="50" charset="-128"/>
                <a:ea typeface="BIZ UDPゴシック" panose="020B0400000000000000" pitchFamily="50" charset="-128"/>
                <a:cs typeface="游ゴシック"/>
              </a:rPr>
              <a:t>Representations</a:t>
            </a:r>
            <a:r>
              <a:rPr lang="en-US" altLang="ja-JP" sz="1100" spc="85" dirty="0">
                <a:latin typeface="BIZ UDPゴシック" panose="020B0400000000000000" pitchFamily="50" charset="-128"/>
                <a:ea typeface="BIZ UDPゴシック" panose="020B0400000000000000" pitchFamily="50" charset="-128"/>
                <a:cs typeface="游ゴシック"/>
              </a:rPr>
              <a:t> </a:t>
            </a:r>
            <a:r>
              <a:rPr lang="en-US" altLang="ja-JP" sz="1100" dirty="0">
                <a:latin typeface="BIZ UDPゴシック" panose="020B0400000000000000" pitchFamily="50" charset="-128"/>
                <a:ea typeface="BIZ UDPゴシック" panose="020B0400000000000000" pitchFamily="50" charset="-128"/>
                <a:cs typeface="游ゴシック"/>
              </a:rPr>
              <a:t>from</a:t>
            </a:r>
            <a:r>
              <a:rPr lang="en-US" altLang="ja-JP" sz="1100" spc="95" dirty="0">
                <a:latin typeface="BIZ UDPゴシック" panose="020B0400000000000000" pitchFamily="50" charset="-128"/>
                <a:ea typeface="BIZ UDPゴシック" panose="020B0400000000000000" pitchFamily="50" charset="-128"/>
                <a:cs typeface="游ゴシック"/>
              </a:rPr>
              <a:t> </a:t>
            </a:r>
            <a:r>
              <a:rPr lang="en-US" altLang="ja-JP" sz="1100" spc="-10" dirty="0">
                <a:latin typeface="BIZ UDPゴシック" panose="020B0400000000000000" pitchFamily="50" charset="-128"/>
                <a:ea typeface="BIZ UDPゴシック" panose="020B0400000000000000" pitchFamily="50" charset="-128"/>
                <a:cs typeface="游ゴシック"/>
              </a:rPr>
              <a:t>Transformers</a:t>
            </a:r>
          </a:p>
          <a:p>
            <a:r>
              <a:rPr lang="ja-JP" altLang="en-US" sz="1200" spc="-10" dirty="0">
                <a:latin typeface="BIZ UDPゴシック" panose="020B0400000000000000" pitchFamily="50" charset="-128"/>
                <a:ea typeface="BIZ UDPゴシック" panose="020B0400000000000000" pitchFamily="50" charset="-128"/>
                <a:cs typeface="游ゴシック"/>
              </a:rPr>
              <a:t>（</a:t>
            </a:r>
            <a:r>
              <a:rPr lang="en-US" altLang="ja-JP" sz="1200" spc="-10" dirty="0">
                <a:latin typeface="BIZ UDPゴシック" panose="020B0400000000000000" pitchFamily="50" charset="-128"/>
                <a:ea typeface="BIZ UDPゴシック" panose="020B0400000000000000" pitchFamily="50" charset="-128"/>
                <a:cs typeface="游ゴシック"/>
              </a:rPr>
              <a:t>Transformer</a:t>
            </a:r>
            <a:r>
              <a:rPr lang="ja-JP" altLang="en-US" sz="1200" dirty="0">
                <a:latin typeface="BIZ UDPゴシック" panose="020B0400000000000000" pitchFamily="50" charset="-128"/>
                <a:ea typeface="BIZ UDPゴシック" panose="020B0400000000000000" pitchFamily="50" charset="-128"/>
                <a:cs typeface="游ゴシック"/>
              </a:rPr>
              <a:t>による双方向のエンコード表現）</a:t>
            </a:r>
            <a:endParaRPr lang="ja-JP" altLang="en-US" sz="1200" dirty="0">
              <a:latin typeface="BIZ UDPゴシック" panose="020B0400000000000000" pitchFamily="50" charset="-128"/>
              <a:ea typeface="BIZ UDPゴシック" panose="020B0400000000000000" pitchFamily="50" charset="-128"/>
            </a:endParaRPr>
          </a:p>
        </p:txBody>
      </p:sp>
      <p:pic>
        <p:nvPicPr>
          <p:cNvPr id="42" name="object 5">
            <a:extLst>
              <a:ext uri="{FF2B5EF4-FFF2-40B4-BE49-F238E27FC236}">
                <a16:creationId xmlns:a16="http://schemas.microsoft.com/office/drawing/2014/main" id="{E346432C-F332-4409-89AC-68BB869FC953}"/>
              </a:ext>
            </a:extLst>
          </p:cNvPr>
          <p:cNvPicPr/>
          <p:nvPr/>
        </p:nvPicPr>
        <p:blipFill>
          <a:blip r:embed="rId4" cstate="print"/>
          <a:stretch>
            <a:fillRect/>
          </a:stretch>
        </p:blipFill>
        <p:spPr>
          <a:xfrm>
            <a:off x="8310712" y="362641"/>
            <a:ext cx="998659" cy="1393712"/>
          </a:xfrm>
          <a:prstGeom prst="rect">
            <a:avLst/>
          </a:prstGeom>
        </p:spPr>
      </p:pic>
      <p:sp>
        <p:nvSpPr>
          <p:cNvPr id="47" name="テキスト ボックス 46">
            <a:extLst>
              <a:ext uri="{FF2B5EF4-FFF2-40B4-BE49-F238E27FC236}">
                <a16:creationId xmlns:a16="http://schemas.microsoft.com/office/drawing/2014/main" id="{B646905E-8541-40A5-A0C3-C877F904774B}"/>
              </a:ext>
            </a:extLst>
          </p:cNvPr>
          <p:cNvSpPr txBox="1"/>
          <p:nvPr/>
        </p:nvSpPr>
        <p:spPr>
          <a:xfrm>
            <a:off x="9340553" y="381160"/>
            <a:ext cx="2201309" cy="1200329"/>
          </a:xfrm>
          <a:prstGeom prst="rect">
            <a:avLst/>
          </a:prstGeom>
          <a:noFill/>
        </p:spPr>
        <p:txBody>
          <a:bodyPr wrap="square" rtlCol="0">
            <a:spAutoFit/>
          </a:bodyPr>
          <a:lstStyle/>
          <a:p>
            <a:pPr algn="dist"/>
            <a:r>
              <a:rPr kumimoji="1" lang="ja-JP" altLang="en-US" sz="2400" b="1" dirty="0">
                <a:latin typeface="BIZ UDPゴシック" panose="020B0400000000000000" pitchFamily="50" charset="-128"/>
                <a:ea typeface="BIZ UDPゴシック" panose="020B0400000000000000" pitchFamily="50" charset="-128"/>
              </a:rPr>
              <a:t>質問への応答</a:t>
            </a:r>
            <a:endParaRPr kumimoji="1" lang="en-US" altLang="ja-JP" sz="2400" b="1" dirty="0">
              <a:latin typeface="BIZ UDPゴシック" panose="020B0400000000000000" pitchFamily="50" charset="-128"/>
              <a:ea typeface="BIZ UDPゴシック" panose="020B0400000000000000" pitchFamily="50" charset="-128"/>
            </a:endParaRPr>
          </a:p>
          <a:p>
            <a:pPr algn="dist"/>
            <a:r>
              <a:rPr lang="ja-JP" altLang="en-US" sz="2400" b="1" dirty="0">
                <a:latin typeface="BIZ UDPゴシック" panose="020B0400000000000000" pitchFamily="50" charset="-128"/>
                <a:ea typeface="BIZ UDPゴシック" panose="020B0400000000000000" pitchFamily="50" charset="-128"/>
              </a:rPr>
              <a:t>テキスト要約</a:t>
            </a:r>
            <a:endParaRPr lang="en-US" altLang="ja-JP" sz="2400" b="1" dirty="0">
              <a:latin typeface="BIZ UDPゴシック" panose="020B0400000000000000" pitchFamily="50" charset="-128"/>
              <a:ea typeface="BIZ UDPゴシック" panose="020B0400000000000000" pitchFamily="50" charset="-128"/>
            </a:endParaRPr>
          </a:p>
          <a:p>
            <a:pPr algn="dist"/>
            <a:r>
              <a:rPr lang="ja-JP" altLang="en-US" sz="2400" b="1" dirty="0">
                <a:latin typeface="BIZ UDPゴシック" panose="020B0400000000000000" pitchFamily="50" charset="-128"/>
                <a:ea typeface="BIZ UDPゴシック" panose="020B0400000000000000" pitchFamily="50" charset="-128"/>
              </a:rPr>
              <a:t>機械翻訳</a:t>
            </a:r>
            <a:endParaRPr kumimoji="1" lang="ja-JP" altLang="en-US" sz="2400" b="1" dirty="0">
              <a:latin typeface="BIZ UDPゴシック" panose="020B0400000000000000" pitchFamily="50" charset="-128"/>
              <a:ea typeface="BIZ UDPゴシック" panose="020B0400000000000000" pitchFamily="50" charset="-128"/>
            </a:endParaRPr>
          </a:p>
        </p:txBody>
      </p:sp>
      <p:sp>
        <p:nvSpPr>
          <p:cNvPr id="48" name="テキスト ボックス 47">
            <a:extLst>
              <a:ext uri="{FF2B5EF4-FFF2-40B4-BE49-F238E27FC236}">
                <a16:creationId xmlns:a16="http://schemas.microsoft.com/office/drawing/2014/main" id="{55535BD3-D7DB-46A5-9E7B-77E27807A9BD}"/>
              </a:ext>
            </a:extLst>
          </p:cNvPr>
          <p:cNvSpPr txBox="1"/>
          <p:nvPr/>
        </p:nvSpPr>
        <p:spPr>
          <a:xfrm>
            <a:off x="8552597" y="2351060"/>
            <a:ext cx="2553296" cy="769441"/>
          </a:xfrm>
          <a:prstGeom prst="rect">
            <a:avLst/>
          </a:prstGeom>
          <a:noFill/>
        </p:spPr>
        <p:txBody>
          <a:bodyPr wrap="square" rtlCol="0">
            <a:spAutoFit/>
          </a:bodyPr>
          <a:lstStyle/>
          <a:p>
            <a:r>
              <a:rPr kumimoji="1" lang="ja-JP" altLang="en-US" sz="4400" b="1" dirty="0">
                <a:latin typeface="BIZ UDPゴシック" panose="020B0400000000000000" pitchFamily="50" charset="-128"/>
                <a:ea typeface="BIZ UDPゴシック" panose="020B0400000000000000" pitchFamily="50" charset="-128"/>
              </a:rPr>
              <a:t>合成画像</a:t>
            </a:r>
          </a:p>
        </p:txBody>
      </p:sp>
      <p:sp>
        <p:nvSpPr>
          <p:cNvPr id="49" name="テキスト ボックス 48">
            <a:extLst>
              <a:ext uri="{FF2B5EF4-FFF2-40B4-BE49-F238E27FC236}">
                <a16:creationId xmlns:a16="http://schemas.microsoft.com/office/drawing/2014/main" id="{51DF50C6-4FB8-4050-AD7A-09E5CE42EB29}"/>
              </a:ext>
            </a:extLst>
          </p:cNvPr>
          <p:cNvSpPr txBox="1"/>
          <p:nvPr/>
        </p:nvSpPr>
        <p:spPr>
          <a:xfrm>
            <a:off x="8552597" y="3685255"/>
            <a:ext cx="2571354" cy="769441"/>
          </a:xfrm>
          <a:prstGeom prst="rect">
            <a:avLst/>
          </a:prstGeom>
          <a:noFill/>
        </p:spPr>
        <p:txBody>
          <a:bodyPr wrap="square" rtlCol="0">
            <a:spAutoFit/>
          </a:bodyPr>
          <a:lstStyle/>
          <a:p>
            <a:r>
              <a:rPr kumimoji="1" lang="ja-JP" altLang="en-US" sz="4400" b="1" dirty="0">
                <a:latin typeface="BIZ UDPゴシック" panose="020B0400000000000000" pitchFamily="50" charset="-128"/>
                <a:ea typeface="BIZ UDPゴシック" panose="020B0400000000000000" pitchFamily="50" charset="-128"/>
              </a:rPr>
              <a:t>合成動画</a:t>
            </a:r>
          </a:p>
        </p:txBody>
      </p:sp>
      <p:cxnSp>
        <p:nvCxnSpPr>
          <p:cNvPr id="51" name="直線矢印コネクタ 50">
            <a:extLst>
              <a:ext uri="{FF2B5EF4-FFF2-40B4-BE49-F238E27FC236}">
                <a16:creationId xmlns:a16="http://schemas.microsoft.com/office/drawing/2014/main" id="{EE11AD6F-FE43-43A1-8D56-F0AE26DA4581}"/>
              </a:ext>
            </a:extLst>
          </p:cNvPr>
          <p:cNvCxnSpPr>
            <a:stCxn id="26" idx="3"/>
          </p:cNvCxnSpPr>
          <p:nvPr/>
        </p:nvCxnSpPr>
        <p:spPr>
          <a:xfrm flipV="1">
            <a:off x="6875929" y="1668986"/>
            <a:ext cx="1515033" cy="1800355"/>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3" name="直線矢印コネクタ 52">
            <a:extLst>
              <a:ext uri="{FF2B5EF4-FFF2-40B4-BE49-F238E27FC236}">
                <a16:creationId xmlns:a16="http://schemas.microsoft.com/office/drawing/2014/main" id="{3646CA80-035D-4F32-98F9-1192A2C10F57}"/>
              </a:ext>
            </a:extLst>
          </p:cNvPr>
          <p:cNvCxnSpPr>
            <a:stCxn id="26" idx="3"/>
          </p:cNvCxnSpPr>
          <p:nvPr/>
        </p:nvCxnSpPr>
        <p:spPr>
          <a:xfrm flipV="1">
            <a:off x="6875929" y="2868706"/>
            <a:ext cx="1691517" cy="600635"/>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5" name="直線矢印コネクタ 54">
            <a:extLst>
              <a:ext uri="{FF2B5EF4-FFF2-40B4-BE49-F238E27FC236}">
                <a16:creationId xmlns:a16="http://schemas.microsoft.com/office/drawing/2014/main" id="{67F8F642-676E-4CBE-B4F5-C02A9101CB88}"/>
              </a:ext>
            </a:extLst>
          </p:cNvPr>
          <p:cNvCxnSpPr>
            <a:stCxn id="26" idx="3"/>
          </p:cNvCxnSpPr>
          <p:nvPr/>
        </p:nvCxnSpPr>
        <p:spPr>
          <a:xfrm>
            <a:off x="6875929" y="3469341"/>
            <a:ext cx="1676668" cy="709379"/>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1391744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0C470230-E3D0-ADC2-5607-B125D781E920}"/>
              </a:ext>
            </a:extLst>
          </p:cNvPr>
          <p:cNvSpPr/>
          <p:nvPr/>
        </p:nvSpPr>
        <p:spPr>
          <a:xfrm>
            <a:off x="0" y="-3888"/>
            <a:ext cx="12192000" cy="467858"/>
          </a:xfrm>
          <a:prstGeom prst="rect">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latin typeface="BIZ UDPゴシック" panose="020B0400000000000000" pitchFamily="50" charset="-128"/>
                <a:ea typeface="BIZ UDPゴシック" panose="020B0400000000000000" pitchFamily="50" charset="-128"/>
              </a:rPr>
              <a:t>OpenAI</a:t>
            </a:r>
            <a:r>
              <a:rPr kumimoji="1" lang="ja-JP" altLang="en-US" sz="2400" b="1" dirty="0">
                <a:latin typeface="BIZ UDPゴシック" panose="020B0400000000000000" pitchFamily="50" charset="-128"/>
                <a:ea typeface="BIZ UDPゴシック" panose="020B0400000000000000" pitchFamily="50" charset="-128"/>
              </a:rPr>
              <a:t>の開発フェーズ</a:t>
            </a:r>
            <a:endParaRPr kumimoji="1" lang="ja-JP" altLang="en-US" sz="2400" b="1" baseline="30000" dirty="0">
              <a:latin typeface="BIZ UDPゴシック" panose="020B0400000000000000" pitchFamily="50" charset="-128"/>
              <a:ea typeface="BIZ UDPゴシック" panose="020B0400000000000000" pitchFamily="50" charset="-128"/>
            </a:endParaRPr>
          </a:p>
        </p:txBody>
      </p:sp>
      <p:graphicFrame>
        <p:nvGraphicFramePr>
          <p:cNvPr id="3" name="表 2">
            <a:extLst>
              <a:ext uri="{FF2B5EF4-FFF2-40B4-BE49-F238E27FC236}">
                <a16:creationId xmlns:a16="http://schemas.microsoft.com/office/drawing/2014/main" id="{DE1528CE-9252-D86C-A235-6C47E015380E}"/>
              </a:ext>
            </a:extLst>
          </p:cNvPr>
          <p:cNvGraphicFramePr>
            <a:graphicFrameLocks noGrp="1"/>
          </p:cNvGraphicFramePr>
          <p:nvPr>
            <p:extLst>
              <p:ext uri="{D42A27DB-BD31-4B8C-83A1-F6EECF244321}">
                <p14:modId xmlns:p14="http://schemas.microsoft.com/office/powerpoint/2010/main" val="2695630140"/>
              </p:ext>
            </p:extLst>
          </p:nvPr>
        </p:nvGraphicFramePr>
        <p:xfrm>
          <a:off x="378736" y="1578786"/>
          <a:ext cx="11434527" cy="3407277"/>
        </p:xfrm>
        <a:graphic>
          <a:graphicData uri="http://schemas.openxmlformats.org/drawingml/2006/table">
            <a:tbl>
              <a:tblPr/>
              <a:tblGrid>
                <a:gridCol w="1015498">
                  <a:extLst>
                    <a:ext uri="{9D8B030D-6E8A-4147-A177-3AD203B41FA5}">
                      <a16:colId xmlns:a16="http://schemas.microsoft.com/office/drawing/2014/main" val="561628401"/>
                    </a:ext>
                  </a:extLst>
                </a:gridCol>
                <a:gridCol w="1144616">
                  <a:extLst>
                    <a:ext uri="{9D8B030D-6E8A-4147-A177-3AD203B41FA5}">
                      <a16:colId xmlns:a16="http://schemas.microsoft.com/office/drawing/2014/main" val="1764522438"/>
                    </a:ext>
                  </a:extLst>
                </a:gridCol>
                <a:gridCol w="1502690">
                  <a:extLst>
                    <a:ext uri="{9D8B030D-6E8A-4147-A177-3AD203B41FA5}">
                      <a16:colId xmlns:a16="http://schemas.microsoft.com/office/drawing/2014/main" val="2482829010"/>
                    </a:ext>
                  </a:extLst>
                </a:gridCol>
                <a:gridCol w="939181">
                  <a:extLst>
                    <a:ext uri="{9D8B030D-6E8A-4147-A177-3AD203B41FA5}">
                      <a16:colId xmlns:a16="http://schemas.microsoft.com/office/drawing/2014/main" val="1606939303"/>
                    </a:ext>
                  </a:extLst>
                </a:gridCol>
                <a:gridCol w="1033099">
                  <a:extLst>
                    <a:ext uri="{9D8B030D-6E8A-4147-A177-3AD203B41FA5}">
                      <a16:colId xmlns:a16="http://schemas.microsoft.com/office/drawing/2014/main" val="1986815522"/>
                    </a:ext>
                  </a:extLst>
                </a:gridCol>
                <a:gridCol w="1080058">
                  <a:extLst>
                    <a:ext uri="{9D8B030D-6E8A-4147-A177-3AD203B41FA5}">
                      <a16:colId xmlns:a16="http://schemas.microsoft.com/office/drawing/2014/main" val="3794451758"/>
                    </a:ext>
                  </a:extLst>
                </a:gridCol>
                <a:gridCol w="1185716">
                  <a:extLst>
                    <a:ext uri="{9D8B030D-6E8A-4147-A177-3AD203B41FA5}">
                      <a16:colId xmlns:a16="http://schemas.microsoft.com/office/drawing/2014/main" val="3797624051"/>
                    </a:ext>
                  </a:extLst>
                </a:gridCol>
                <a:gridCol w="1220936">
                  <a:extLst>
                    <a:ext uri="{9D8B030D-6E8A-4147-A177-3AD203B41FA5}">
                      <a16:colId xmlns:a16="http://schemas.microsoft.com/office/drawing/2014/main" val="2151345981"/>
                    </a:ext>
                  </a:extLst>
                </a:gridCol>
                <a:gridCol w="2312733">
                  <a:extLst>
                    <a:ext uri="{9D8B030D-6E8A-4147-A177-3AD203B41FA5}">
                      <a16:colId xmlns:a16="http://schemas.microsoft.com/office/drawing/2014/main" val="186576648"/>
                    </a:ext>
                  </a:extLst>
                </a:gridCol>
              </a:tblGrid>
              <a:tr h="522761">
                <a:tc>
                  <a:txBody>
                    <a:bodyPr/>
                    <a:lstStyle/>
                    <a:p>
                      <a:pPr algn="ctr" fontAlgn="ctr"/>
                      <a:r>
                        <a:rPr lang="ja-JP" altLang="en-US" sz="1600" b="0" i="0" u="none" strike="noStrike" dirty="0">
                          <a:solidFill>
                            <a:srgbClr val="FFFFFF"/>
                          </a:solidFill>
                          <a:effectLst/>
                          <a:latin typeface="UD デジタル 教科書体 NK-B" panose="02020700000000000000" pitchFamily="18" charset="-128"/>
                          <a:ea typeface="UD デジタル 教科書体 NK-B" panose="02020700000000000000" pitchFamily="18" charset="-128"/>
                        </a:rPr>
                        <a:t>フェーズ</a:t>
                      </a:r>
                    </a:p>
                  </a:txBody>
                  <a:tcPr marL="6478" marR="6478" marT="647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0000"/>
                    </a:solidFill>
                  </a:tcPr>
                </a:tc>
                <a:tc>
                  <a:txBody>
                    <a:bodyPr/>
                    <a:lstStyle/>
                    <a:p>
                      <a:pPr algn="ctr" fontAlgn="ctr"/>
                      <a:r>
                        <a:rPr lang="ja-JP" altLang="en-US" sz="1600" b="0" i="0" u="none" strike="noStrike" dirty="0">
                          <a:solidFill>
                            <a:srgbClr val="FFFFFF"/>
                          </a:solidFill>
                          <a:effectLst/>
                          <a:latin typeface="UD デジタル 教科書体 NK-B" panose="02020700000000000000" pitchFamily="18" charset="-128"/>
                          <a:ea typeface="UD デジタル 教科書体 NK-B" panose="02020700000000000000" pitchFamily="18" charset="-128"/>
                        </a:rPr>
                        <a:t>年</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0000"/>
                    </a:solidFill>
                  </a:tcPr>
                </a:tc>
                <a:tc>
                  <a:txBody>
                    <a:bodyPr/>
                    <a:lstStyle/>
                    <a:p>
                      <a:pPr algn="ctr" fontAlgn="ctr"/>
                      <a:r>
                        <a:rPr lang="ja-JP" altLang="en-US" sz="1600" b="0" i="0" u="none" strike="noStrike" dirty="0">
                          <a:solidFill>
                            <a:srgbClr val="FFFFFF"/>
                          </a:solidFill>
                          <a:effectLst/>
                          <a:latin typeface="UD デジタル 教科書体 NK-B" panose="02020700000000000000" pitchFamily="18" charset="-128"/>
                          <a:ea typeface="UD デジタル 教科書体 NK-B" panose="02020700000000000000" pitchFamily="18" charset="-128"/>
                        </a:rPr>
                        <a:t>名称</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0000"/>
                    </a:solidFill>
                  </a:tcPr>
                </a:tc>
                <a:tc>
                  <a:txBody>
                    <a:bodyPr/>
                    <a:lstStyle/>
                    <a:p>
                      <a:pPr algn="ctr" fontAlgn="ctr"/>
                      <a:r>
                        <a:rPr lang="ja-JP" altLang="en-US" sz="1400" b="0" i="0" u="none" strike="noStrike" dirty="0">
                          <a:solidFill>
                            <a:srgbClr val="FFFFFF"/>
                          </a:solidFill>
                          <a:effectLst/>
                          <a:latin typeface="UD デジタル 教科書体 NK-B" panose="02020700000000000000" pitchFamily="18" charset="-128"/>
                          <a:ea typeface="UD デジタル 教科書体 NK-B" panose="02020700000000000000" pitchFamily="18" charset="-128"/>
                        </a:rPr>
                        <a:t>商標登録</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0000"/>
                    </a:solidFill>
                  </a:tcPr>
                </a:tc>
                <a:tc>
                  <a:txBody>
                    <a:bodyPr/>
                    <a:lstStyle/>
                    <a:p>
                      <a:pPr algn="ctr" fontAlgn="ctr"/>
                      <a:r>
                        <a:rPr lang="en-US" sz="1400" b="0" i="0" u="none" strike="noStrike" dirty="0">
                          <a:solidFill>
                            <a:srgbClr val="FFFFFF"/>
                          </a:solidFill>
                          <a:effectLst/>
                          <a:latin typeface="UD デジタル 教科書体 NK-B" panose="02020700000000000000" pitchFamily="18" charset="-128"/>
                          <a:ea typeface="UD デジタル 教科書体 NK-B" panose="02020700000000000000" pitchFamily="18" charset="-128"/>
                        </a:rPr>
                        <a:t>Ai Agent</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0000"/>
                    </a:solidFill>
                  </a:tcPr>
                </a:tc>
                <a:tc>
                  <a:txBody>
                    <a:bodyPr/>
                    <a:lstStyle/>
                    <a:p>
                      <a:pPr algn="ctr" fontAlgn="ctr"/>
                      <a:r>
                        <a:rPr lang="en-US" sz="1400" b="0" i="0" u="none" strike="noStrike" dirty="0">
                          <a:solidFill>
                            <a:srgbClr val="FFFFFF"/>
                          </a:solidFill>
                          <a:effectLst/>
                          <a:latin typeface="UD デジタル 教科書体 NK-B" panose="02020700000000000000" pitchFamily="18" charset="-128"/>
                          <a:ea typeface="UD デジタル 教科書体 NK-B" panose="02020700000000000000" pitchFamily="18" charset="-128"/>
                        </a:rPr>
                        <a:t>Music</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0000"/>
                    </a:solidFill>
                  </a:tcPr>
                </a:tc>
                <a:tc>
                  <a:txBody>
                    <a:bodyPr/>
                    <a:lstStyle/>
                    <a:p>
                      <a:pPr algn="ctr" fontAlgn="ctr"/>
                      <a:r>
                        <a:rPr lang="en-US" sz="1400" b="0" i="0" u="none" strike="noStrike" dirty="0">
                          <a:solidFill>
                            <a:srgbClr val="FFFFFF"/>
                          </a:solidFill>
                          <a:effectLst/>
                          <a:latin typeface="UD デジタル 教科書体 NK-B" panose="02020700000000000000" pitchFamily="18" charset="-128"/>
                          <a:ea typeface="UD デジタル 教科書体 NK-B" panose="02020700000000000000" pitchFamily="18" charset="-128"/>
                        </a:rPr>
                        <a:t>Video</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0000"/>
                    </a:solidFill>
                  </a:tcPr>
                </a:tc>
                <a:tc>
                  <a:txBody>
                    <a:bodyPr/>
                    <a:lstStyle/>
                    <a:p>
                      <a:pPr algn="ctr" fontAlgn="ctr"/>
                      <a:r>
                        <a:rPr lang="en-US" sz="1400" b="0" i="0" u="none" strike="noStrike" dirty="0">
                          <a:solidFill>
                            <a:srgbClr val="FFFFFF"/>
                          </a:solidFill>
                          <a:effectLst/>
                          <a:latin typeface="UD デジタル 教科書体 NK-B" panose="02020700000000000000" pitchFamily="18" charset="-128"/>
                          <a:ea typeface="UD デジタル 教科書体 NK-B" panose="02020700000000000000" pitchFamily="18" charset="-128"/>
                        </a:rPr>
                        <a:t>Embodied Ai</a:t>
                      </a:r>
                      <a:r>
                        <a:rPr lang="en-US" altLang="ja-JP" sz="1400" b="0" i="0" u="none" strike="noStrike" baseline="30000" dirty="0">
                          <a:solidFill>
                            <a:srgbClr val="FFFFFF"/>
                          </a:solidFill>
                          <a:effectLst/>
                          <a:latin typeface="UD デジタル 教科書体 NK-B" panose="02020700000000000000" pitchFamily="18" charset="-128"/>
                          <a:ea typeface="UD デジタル 教科書体 NK-B" panose="02020700000000000000" pitchFamily="18" charset="-128"/>
                        </a:rPr>
                        <a:t>※</a:t>
                      </a:r>
                      <a:endParaRPr lang="en-US" sz="1400" b="0" i="0" u="none" strike="noStrike" baseline="30000" dirty="0">
                        <a:solidFill>
                          <a:srgbClr val="FFFFFF"/>
                        </a:solidFill>
                        <a:effectLst/>
                        <a:latin typeface="UD デジタル 教科書体 NK-B" panose="02020700000000000000" pitchFamily="18" charset="-128"/>
                        <a:ea typeface="UD デジタル 教科書体 NK-B" panose="02020700000000000000" pitchFamily="18" charset="-128"/>
                      </a:endParaRP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0000"/>
                    </a:solidFill>
                  </a:tcPr>
                </a:tc>
                <a:tc>
                  <a:txBody>
                    <a:bodyPr/>
                    <a:lstStyle/>
                    <a:p>
                      <a:pPr algn="ctr" fontAlgn="ctr"/>
                      <a:r>
                        <a:rPr lang="ja-JP" altLang="en-US" sz="1400" b="0" i="0" u="none" strike="noStrike" dirty="0">
                          <a:solidFill>
                            <a:srgbClr val="FFFFFF"/>
                          </a:solidFill>
                          <a:effectLst/>
                          <a:latin typeface="UD デジタル 教科書体 NK-B" panose="02020700000000000000" pitchFamily="18" charset="-128"/>
                          <a:ea typeface="UD デジタル 教科書体 NK-B" panose="02020700000000000000" pitchFamily="18" charset="-128"/>
                        </a:rPr>
                        <a:t>備考</a:t>
                      </a:r>
                    </a:p>
                  </a:txBody>
                  <a:tcPr marL="6478" marR="6478" marT="647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0000"/>
                    </a:solidFill>
                  </a:tcPr>
                </a:tc>
                <a:extLst>
                  <a:ext uri="{0D108BD9-81ED-4DB2-BD59-A6C34878D82A}">
                    <a16:rowId xmlns:a16="http://schemas.microsoft.com/office/drawing/2014/main" val="840773506"/>
                  </a:ext>
                </a:extLst>
              </a:tr>
              <a:tr h="410740">
                <a:tc rowSpan="3">
                  <a:txBody>
                    <a:bodyPr/>
                    <a:lstStyle/>
                    <a:p>
                      <a:pPr algn="ctr" fontAlgn="ctr"/>
                      <a:r>
                        <a:rPr lang="en-US" sz="1800" b="0" i="0" u="none" strike="noStrike" dirty="0">
                          <a:solidFill>
                            <a:srgbClr val="000000"/>
                          </a:solidFill>
                          <a:effectLst/>
                          <a:latin typeface="Arial Rounded MT Bold" panose="020F0704030504030204" pitchFamily="34" charset="0"/>
                          <a:ea typeface="游ゴシック" panose="020B0400000000000000" pitchFamily="50" charset="-128"/>
                        </a:rPr>
                        <a:t>Phase1</a:t>
                      </a:r>
                    </a:p>
                  </a:txBody>
                  <a:tcPr marL="6478" marR="6478" marT="647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1800" b="0" i="0" u="none" strike="noStrike" dirty="0">
                          <a:solidFill>
                            <a:srgbClr val="000000"/>
                          </a:solidFill>
                          <a:effectLst/>
                          <a:latin typeface="Arial Rounded MT Bold" panose="020F0704030504030204" pitchFamily="34" charset="0"/>
                          <a:ea typeface="游ゴシック" panose="020B0400000000000000" pitchFamily="50" charset="-128"/>
                        </a:rPr>
                        <a:t>2023</a:t>
                      </a:r>
                      <a:r>
                        <a:rPr lang="ja-JP" altLang="en-US" sz="1800" b="0" i="0" u="none" strike="noStrike" dirty="0">
                          <a:solidFill>
                            <a:srgbClr val="000000"/>
                          </a:solidFill>
                          <a:effectLst/>
                          <a:latin typeface="Arial Rounded MT Bold" panose="020F0704030504030204" pitchFamily="34" charset="0"/>
                          <a:ea typeface="游ゴシック" panose="020B0400000000000000" pitchFamily="50" charset="-128"/>
                        </a:rPr>
                        <a:t>年</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sz="2000" b="0" i="0" u="none" strike="noStrike" dirty="0">
                          <a:solidFill>
                            <a:srgbClr val="000000"/>
                          </a:solidFill>
                          <a:effectLst/>
                          <a:latin typeface="Arial Rounded MT Bold" panose="020F0704030504030204" pitchFamily="34" charset="0"/>
                          <a:ea typeface="游ゴシック" panose="020B0400000000000000" pitchFamily="50" charset="-128"/>
                        </a:rPr>
                        <a:t>GPT-4</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游ゴシック" panose="020B0400000000000000" pitchFamily="50" charset="-128"/>
                          <a:ea typeface="游ゴシック" panose="020B0400000000000000" pitchFamily="50" charset="-128"/>
                        </a:rPr>
                        <a:t>　</a:t>
                      </a:r>
                      <a:r>
                        <a:rPr lang="en-US" altLang="ja-JP" sz="1400" b="1" i="0" u="none" strike="noStrike" dirty="0">
                          <a:solidFill>
                            <a:srgbClr val="000000"/>
                          </a:solidFill>
                          <a:effectLst/>
                          <a:latin typeface="BIZ UDPゴシック" panose="020B0400000000000000" pitchFamily="50" charset="-128"/>
                          <a:ea typeface="BIZ UDPゴシック" panose="020B0400000000000000" pitchFamily="50" charset="-128"/>
                        </a:rPr>
                        <a:t>2024</a:t>
                      </a:r>
                      <a:r>
                        <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rPr>
                        <a:t>年</a:t>
                      </a:r>
                      <a:r>
                        <a:rPr lang="en-US" altLang="ja-JP" sz="1400" b="1" i="0" u="none" strike="noStrike" dirty="0">
                          <a:solidFill>
                            <a:srgbClr val="000000"/>
                          </a:solidFill>
                          <a:effectLst/>
                          <a:latin typeface="BIZ UDPゴシック" panose="020B0400000000000000" pitchFamily="50" charset="-128"/>
                          <a:ea typeface="BIZ UDPゴシック" panose="020B0400000000000000" pitchFamily="50" charset="-128"/>
                        </a:rPr>
                        <a:t>3</a:t>
                      </a:r>
                      <a:r>
                        <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rPr>
                        <a:t>月</a:t>
                      </a:r>
                      <a:r>
                        <a:rPr lang="en-US" altLang="ja-JP" sz="1400" b="1" i="0" u="none" strike="noStrike" dirty="0">
                          <a:solidFill>
                            <a:srgbClr val="000000"/>
                          </a:solidFill>
                          <a:effectLst/>
                          <a:latin typeface="BIZ UDPゴシック" panose="020B0400000000000000" pitchFamily="50" charset="-128"/>
                          <a:ea typeface="BIZ UDPゴシック" panose="020B0400000000000000" pitchFamily="50" charset="-128"/>
                        </a:rPr>
                        <a:t>14</a:t>
                      </a:r>
                      <a:r>
                        <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rPr>
                        <a:t>日公表</a:t>
                      </a:r>
                      <a:endParaRPr lang="ja-JP" altLang="en-US" sz="9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24326049"/>
                  </a:ext>
                </a:extLst>
              </a:tr>
              <a:tr h="410740">
                <a:tc vMerge="1">
                  <a:txBody>
                    <a:bodyPr/>
                    <a:lstStyle/>
                    <a:p>
                      <a:pPr algn="ctr" fontAlgn="ctr"/>
                      <a:endParaRPr lang="en-US" sz="1800" b="0"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1800" b="0" i="0" u="none" strike="noStrike" dirty="0">
                          <a:solidFill>
                            <a:srgbClr val="000000"/>
                          </a:solidFill>
                          <a:effectLst/>
                          <a:latin typeface="Arial Rounded MT Bold" panose="020F0704030504030204" pitchFamily="34" charset="0"/>
                          <a:ea typeface="游ゴシック" panose="020B0400000000000000" pitchFamily="50" charset="-128"/>
                        </a:rPr>
                        <a:t>2024</a:t>
                      </a:r>
                      <a:r>
                        <a:rPr lang="ja-JP" altLang="en-US" sz="1800" b="0" i="0" u="none" strike="noStrike" dirty="0">
                          <a:solidFill>
                            <a:srgbClr val="000000"/>
                          </a:solidFill>
                          <a:effectLst/>
                          <a:latin typeface="Arial Rounded MT Bold" panose="020F0704030504030204" pitchFamily="34" charset="0"/>
                          <a:ea typeface="游ゴシック" panose="020B0400000000000000" pitchFamily="50" charset="-128"/>
                        </a:rPr>
                        <a:t>年</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2000" b="0" i="0" u="none" strike="noStrike" dirty="0">
                          <a:solidFill>
                            <a:srgbClr val="000000"/>
                          </a:solidFill>
                          <a:effectLst/>
                          <a:latin typeface="Arial Rounded MT Bold" panose="020F0704030504030204" pitchFamily="34" charset="0"/>
                          <a:ea typeface="游ゴシック" panose="020B0400000000000000" pitchFamily="50" charset="-128"/>
                        </a:rPr>
                        <a:t>GPT-4o</a:t>
                      </a:r>
                      <a:endParaRPr lang="en-US" sz="2000" b="0"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endPar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endPar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endPar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endPar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en-US" altLang="ja-JP" sz="1200" b="1" i="0" u="none" strike="noStrike" dirty="0">
                          <a:solidFill>
                            <a:srgbClr val="000000"/>
                          </a:solidFill>
                          <a:effectLst/>
                          <a:latin typeface="BIZ UDPゴシック" panose="020B0400000000000000" pitchFamily="50" charset="-128"/>
                          <a:ea typeface="BIZ UDPゴシック" panose="020B0400000000000000" pitchFamily="50" charset="-128"/>
                        </a:rPr>
                        <a:t>  </a:t>
                      </a:r>
                      <a:r>
                        <a:rPr lang="en-US" altLang="ja-JP" sz="1400" b="1" i="0" u="none" strike="noStrike" dirty="0">
                          <a:solidFill>
                            <a:srgbClr val="000000"/>
                          </a:solidFill>
                          <a:effectLst/>
                          <a:latin typeface="BIZ UDPゴシック" panose="020B0400000000000000" pitchFamily="50" charset="-128"/>
                          <a:ea typeface="BIZ UDPゴシック" panose="020B0400000000000000" pitchFamily="50" charset="-128"/>
                        </a:rPr>
                        <a:t>2024</a:t>
                      </a:r>
                      <a:r>
                        <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rPr>
                        <a:t>年</a:t>
                      </a:r>
                      <a:r>
                        <a:rPr lang="en-US" altLang="ja-JP" sz="1400" b="1" i="0" u="none" strike="noStrike" dirty="0">
                          <a:solidFill>
                            <a:srgbClr val="000000"/>
                          </a:solidFill>
                          <a:effectLst/>
                          <a:latin typeface="BIZ UDPゴシック" panose="020B0400000000000000" pitchFamily="50" charset="-128"/>
                          <a:ea typeface="BIZ UDPゴシック" panose="020B0400000000000000" pitchFamily="50" charset="-128"/>
                        </a:rPr>
                        <a:t>5</a:t>
                      </a:r>
                      <a:r>
                        <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rPr>
                        <a:t>月</a:t>
                      </a:r>
                      <a:r>
                        <a:rPr lang="en-US" altLang="ja-JP" sz="1400" b="1" i="0" u="none" strike="noStrike" dirty="0">
                          <a:solidFill>
                            <a:srgbClr val="000000"/>
                          </a:solidFill>
                          <a:effectLst/>
                          <a:latin typeface="BIZ UDPゴシック" panose="020B0400000000000000" pitchFamily="50" charset="-128"/>
                          <a:ea typeface="BIZ UDPゴシック" panose="020B0400000000000000" pitchFamily="50" charset="-128"/>
                        </a:rPr>
                        <a:t>13</a:t>
                      </a:r>
                      <a:r>
                        <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rPr>
                        <a:t>日公表</a:t>
                      </a:r>
                      <a:endParaRPr lang="ja-JP" altLang="en-US" sz="12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844309462"/>
                  </a:ext>
                </a:extLst>
              </a:tr>
              <a:tr h="410740">
                <a:tc vMerge="1">
                  <a:txBody>
                    <a:bodyPr/>
                    <a:lstStyle/>
                    <a:p>
                      <a:pPr algn="ctr" fontAlgn="ctr"/>
                      <a:endParaRPr lang="en-US" sz="1800" b="0"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1800" b="0" i="0" u="none" strike="noStrike" dirty="0">
                          <a:solidFill>
                            <a:srgbClr val="000000"/>
                          </a:solidFill>
                          <a:effectLst/>
                          <a:latin typeface="Arial Rounded MT Bold" panose="020F0704030504030204" pitchFamily="34" charset="0"/>
                          <a:ea typeface="游ゴシック" panose="020B0400000000000000" pitchFamily="50" charset="-128"/>
                        </a:rPr>
                        <a:t>2024</a:t>
                      </a:r>
                      <a:r>
                        <a:rPr lang="ja-JP" altLang="en-US" sz="1800" b="0" i="0" u="none" strike="noStrike" dirty="0">
                          <a:solidFill>
                            <a:srgbClr val="000000"/>
                          </a:solidFill>
                          <a:effectLst/>
                          <a:latin typeface="Arial Rounded MT Bold" panose="020F0704030504030204" pitchFamily="34" charset="0"/>
                          <a:ea typeface="游ゴシック" panose="020B0400000000000000" pitchFamily="50" charset="-128"/>
                        </a:rPr>
                        <a:t>年</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2000" b="0" i="0" u="none" strike="noStrike" dirty="0">
                          <a:solidFill>
                            <a:srgbClr val="000000"/>
                          </a:solidFill>
                          <a:effectLst/>
                          <a:latin typeface="Arial Rounded MT Bold" panose="020F0704030504030204" pitchFamily="34" charset="0"/>
                          <a:ea typeface="游ゴシック" panose="020B0400000000000000" pitchFamily="50" charset="-128"/>
                        </a:rPr>
                        <a:t>OpenAI o1</a:t>
                      </a:r>
                      <a:endParaRPr lang="en-US" sz="2000" b="0"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endPar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endPar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endPar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endPar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BIZ UDPゴシック" panose="020B0400000000000000" pitchFamily="50" charset="-128"/>
                          <a:ea typeface="BIZ UDPゴシック" panose="020B0400000000000000" pitchFamily="50" charset="-128"/>
                        </a:rPr>
                        <a:t>　</a:t>
                      </a:r>
                      <a:r>
                        <a:rPr lang="en-US" altLang="ja-JP" sz="1400" b="1" i="0" u="none" strike="noStrike" dirty="0">
                          <a:solidFill>
                            <a:srgbClr val="000000"/>
                          </a:solidFill>
                          <a:effectLst/>
                          <a:latin typeface="BIZ UDPゴシック" panose="020B0400000000000000" pitchFamily="50" charset="-128"/>
                          <a:ea typeface="BIZ UDPゴシック" panose="020B0400000000000000" pitchFamily="50" charset="-128"/>
                        </a:rPr>
                        <a:t>2024</a:t>
                      </a:r>
                      <a:r>
                        <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rPr>
                        <a:t>年</a:t>
                      </a:r>
                      <a:r>
                        <a:rPr lang="en-US" altLang="ja-JP" sz="1400" b="1" i="0" u="none" strike="noStrike" dirty="0">
                          <a:solidFill>
                            <a:srgbClr val="000000"/>
                          </a:solidFill>
                          <a:effectLst/>
                          <a:latin typeface="BIZ UDPゴシック" panose="020B0400000000000000" pitchFamily="50" charset="-128"/>
                          <a:ea typeface="BIZ UDPゴシック" panose="020B0400000000000000" pitchFamily="50" charset="-128"/>
                        </a:rPr>
                        <a:t>9</a:t>
                      </a:r>
                      <a:r>
                        <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rPr>
                        <a:t>月</a:t>
                      </a:r>
                      <a:r>
                        <a:rPr lang="en-US" altLang="ja-JP" sz="1400" b="1" i="0" u="none" strike="noStrike" dirty="0">
                          <a:solidFill>
                            <a:srgbClr val="000000"/>
                          </a:solidFill>
                          <a:effectLst/>
                          <a:latin typeface="BIZ UDPゴシック" panose="020B0400000000000000" pitchFamily="50" charset="-128"/>
                          <a:ea typeface="BIZ UDPゴシック" panose="020B0400000000000000" pitchFamily="50" charset="-128"/>
                        </a:rPr>
                        <a:t>12</a:t>
                      </a:r>
                      <a:r>
                        <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rPr>
                        <a:t>日公表</a:t>
                      </a:r>
                      <a:endParaRPr lang="ja-JP" altLang="en-US" sz="900" b="1"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6478" marR="6478" marT="647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95492078"/>
                  </a:ext>
                </a:extLst>
              </a:tr>
              <a:tr h="410740">
                <a:tc>
                  <a:txBody>
                    <a:bodyPr/>
                    <a:lstStyle/>
                    <a:p>
                      <a:pPr algn="ctr" fontAlgn="ctr"/>
                      <a:r>
                        <a:rPr lang="en-US" sz="1800" b="0" i="0" u="none" strike="noStrike" dirty="0">
                          <a:solidFill>
                            <a:srgbClr val="000000"/>
                          </a:solidFill>
                          <a:effectLst/>
                          <a:latin typeface="Arial Rounded MT Bold" panose="020F0704030504030204" pitchFamily="34" charset="0"/>
                          <a:ea typeface="游ゴシック" panose="020B0400000000000000" pitchFamily="50" charset="-128"/>
                        </a:rPr>
                        <a:t>Phase2</a:t>
                      </a:r>
                    </a:p>
                  </a:txBody>
                  <a:tcPr marL="6478" marR="6478" marT="647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600" b="0" i="0" u="none" strike="noStrike" dirty="0">
                          <a:solidFill>
                            <a:srgbClr val="000000"/>
                          </a:solidFill>
                          <a:effectLst/>
                          <a:latin typeface="BIZ UDPゴシック" panose="020B0400000000000000" pitchFamily="50" charset="-128"/>
                          <a:ea typeface="BIZ UDPゴシック" panose="020B0400000000000000" pitchFamily="50" charset="-128"/>
                        </a:rPr>
                        <a:t>？</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en-US" sz="2000" b="0" i="0" u="none" strike="noStrike" dirty="0">
                          <a:solidFill>
                            <a:srgbClr val="000000"/>
                          </a:solidFill>
                          <a:effectLst/>
                          <a:latin typeface="Arial Rounded MT Bold" panose="020F0704030504030204" pitchFamily="34" charset="0"/>
                          <a:ea typeface="游ゴシック" panose="020B0400000000000000" pitchFamily="50" charset="-128"/>
                        </a:rPr>
                        <a:t>GPT-5</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l" fontAlgn="ctr"/>
                      <a:r>
                        <a:rPr lang="ja-JP" altLang="en-US" sz="900" b="0" i="0" u="none" strike="noStrike" dirty="0">
                          <a:solidFill>
                            <a:srgbClr val="000000"/>
                          </a:solidFill>
                          <a:effectLst/>
                          <a:latin typeface="游ゴシック" panose="020B0400000000000000" pitchFamily="50" charset="-128"/>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extLst>
                  <a:ext uri="{0D108BD9-81ED-4DB2-BD59-A6C34878D82A}">
                    <a16:rowId xmlns:a16="http://schemas.microsoft.com/office/drawing/2014/main" val="1490910770"/>
                  </a:ext>
                </a:extLst>
              </a:tr>
              <a:tr h="410740">
                <a:tc>
                  <a:txBody>
                    <a:bodyPr/>
                    <a:lstStyle/>
                    <a:p>
                      <a:pPr algn="ctr" fontAlgn="ctr"/>
                      <a:r>
                        <a:rPr lang="en-US" sz="1800" b="0" i="0" u="none" strike="noStrike">
                          <a:solidFill>
                            <a:srgbClr val="000000"/>
                          </a:solidFill>
                          <a:effectLst/>
                          <a:latin typeface="Arial Rounded MT Bold" panose="020F0704030504030204" pitchFamily="34" charset="0"/>
                          <a:ea typeface="游ゴシック" panose="020B0400000000000000" pitchFamily="50" charset="-128"/>
                        </a:rPr>
                        <a:t>Phase3</a:t>
                      </a:r>
                    </a:p>
                  </a:txBody>
                  <a:tcPr marL="6478" marR="6478" marT="647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600" b="0" i="0" u="none" strike="noStrike" dirty="0">
                          <a:solidFill>
                            <a:srgbClr val="000000"/>
                          </a:solidFill>
                          <a:effectLst/>
                          <a:latin typeface="BIZ UDPゴシック" panose="020B0400000000000000" pitchFamily="50" charset="-128"/>
                          <a:ea typeface="BIZ UDPゴシック" panose="020B0400000000000000" pitchFamily="50" charset="-128"/>
                        </a:rPr>
                        <a:t>？</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en-US" sz="2000" b="0" i="0" u="none" strike="noStrike" dirty="0">
                          <a:solidFill>
                            <a:srgbClr val="000000"/>
                          </a:solidFill>
                          <a:effectLst/>
                          <a:latin typeface="Arial Rounded MT Bold" panose="020F0704030504030204" pitchFamily="34" charset="0"/>
                          <a:ea typeface="游ゴシック" panose="020B0400000000000000" pitchFamily="50" charset="-128"/>
                        </a:rPr>
                        <a:t>GPT-6</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a:solidFill>
                            <a:srgbClr val="000000"/>
                          </a:solidFill>
                          <a:effectLst/>
                          <a:latin typeface="Arial Rounded MT Bold" panose="020F0704030504030204" pitchFamily="34" charset="0"/>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a:solidFill>
                            <a:srgbClr val="000000"/>
                          </a:solidFill>
                          <a:effectLst/>
                          <a:latin typeface="Arial Rounded MT Bold" panose="020F0704030504030204" pitchFamily="34" charset="0"/>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l" fontAlgn="ctr"/>
                      <a:r>
                        <a:rPr lang="ja-JP" altLang="en-US" sz="900" b="0" i="0" u="none" strike="noStrike">
                          <a:solidFill>
                            <a:srgbClr val="000000"/>
                          </a:solidFill>
                          <a:effectLst/>
                          <a:latin typeface="游ゴシック" panose="020B0400000000000000" pitchFamily="50" charset="-128"/>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extLst>
                  <a:ext uri="{0D108BD9-81ED-4DB2-BD59-A6C34878D82A}">
                    <a16:rowId xmlns:a16="http://schemas.microsoft.com/office/drawing/2014/main" val="1807389491"/>
                  </a:ext>
                </a:extLst>
              </a:tr>
              <a:tr h="410740">
                <a:tc>
                  <a:txBody>
                    <a:bodyPr/>
                    <a:lstStyle/>
                    <a:p>
                      <a:pPr algn="ctr" fontAlgn="ctr"/>
                      <a:r>
                        <a:rPr lang="en-US" sz="1800" b="0" i="0" u="none" strike="noStrike">
                          <a:solidFill>
                            <a:srgbClr val="000000"/>
                          </a:solidFill>
                          <a:effectLst/>
                          <a:latin typeface="Arial Rounded MT Bold" panose="020F0704030504030204" pitchFamily="34" charset="0"/>
                          <a:ea typeface="游ゴシック" panose="020B0400000000000000" pitchFamily="50" charset="-128"/>
                        </a:rPr>
                        <a:t>Phase4</a:t>
                      </a:r>
                    </a:p>
                  </a:txBody>
                  <a:tcPr marL="6478" marR="6478" marT="647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600" b="0" i="0" u="none" strike="noStrike" dirty="0">
                          <a:solidFill>
                            <a:srgbClr val="000000"/>
                          </a:solidFill>
                          <a:effectLst/>
                          <a:latin typeface="BIZ UDPゴシック" panose="020B0400000000000000" pitchFamily="50" charset="-128"/>
                          <a:ea typeface="BIZ UDPゴシック" panose="020B0400000000000000" pitchFamily="50" charset="-128"/>
                        </a:rPr>
                        <a:t>？</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en-US" sz="2000" b="0" i="0" u="none" strike="noStrike" dirty="0">
                          <a:solidFill>
                            <a:srgbClr val="000000"/>
                          </a:solidFill>
                          <a:effectLst/>
                          <a:latin typeface="Arial Rounded MT Bold" panose="020F0704030504030204" pitchFamily="34" charset="0"/>
                          <a:ea typeface="游ゴシック" panose="020B0400000000000000" pitchFamily="50" charset="-128"/>
                        </a:rPr>
                        <a:t>GPT-7</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l" fontAlgn="ctr"/>
                      <a:r>
                        <a:rPr lang="ja-JP" altLang="en-US" sz="900" b="0" i="0" u="none" strike="noStrike" dirty="0">
                          <a:solidFill>
                            <a:srgbClr val="000000"/>
                          </a:solidFill>
                          <a:effectLst/>
                          <a:latin typeface="游ゴシック" panose="020B0400000000000000" pitchFamily="50" charset="-128"/>
                          <a:ea typeface="游ゴシック" panose="020B0400000000000000" pitchFamily="50" charset="-128"/>
                        </a:rPr>
                        <a:t>　</a:t>
                      </a:r>
                    </a:p>
                  </a:txBody>
                  <a:tcPr marL="6478" marR="6478" marT="647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4">
                        <a:lumMod val="40000"/>
                        <a:lumOff val="60000"/>
                      </a:schemeClr>
                    </a:solidFill>
                  </a:tcPr>
                </a:tc>
                <a:extLst>
                  <a:ext uri="{0D108BD9-81ED-4DB2-BD59-A6C34878D82A}">
                    <a16:rowId xmlns:a16="http://schemas.microsoft.com/office/drawing/2014/main" val="1598714376"/>
                  </a:ext>
                </a:extLst>
              </a:tr>
              <a:tr h="420076">
                <a:tc>
                  <a:txBody>
                    <a:bodyPr/>
                    <a:lstStyle/>
                    <a:p>
                      <a:pPr algn="ctr" fontAlgn="ctr"/>
                      <a:r>
                        <a:rPr lang="en-US" sz="1800" b="0" i="0" u="none" strike="noStrike" dirty="0">
                          <a:solidFill>
                            <a:srgbClr val="000000"/>
                          </a:solidFill>
                          <a:effectLst/>
                          <a:latin typeface="Arial Rounded MT Bold" panose="020F0704030504030204" pitchFamily="34" charset="0"/>
                          <a:ea typeface="游ゴシック" panose="020B0400000000000000" pitchFamily="50" charset="-128"/>
                        </a:rPr>
                        <a:t>Phase5</a:t>
                      </a:r>
                    </a:p>
                  </a:txBody>
                  <a:tcPr marL="6478" marR="6478" marT="647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400" b="1" i="0" u="none" strike="noStrike" dirty="0">
                          <a:solidFill>
                            <a:srgbClr val="000000"/>
                          </a:solidFill>
                          <a:effectLst/>
                          <a:latin typeface="BIZ UDPゴシック" panose="020B0400000000000000" pitchFamily="50" charset="-128"/>
                          <a:ea typeface="BIZ UDPゴシック" panose="020B0400000000000000" pitchFamily="50" charset="-128"/>
                        </a:rPr>
                        <a:t>2027</a:t>
                      </a:r>
                      <a:r>
                        <a:rPr lang="ja-JP" altLang="en-US" sz="1400" b="1" i="0" u="none" strike="noStrike" dirty="0">
                          <a:solidFill>
                            <a:srgbClr val="000000"/>
                          </a:solidFill>
                          <a:effectLst/>
                          <a:latin typeface="BIZ UDPゴシック" panose="020B0400000000000000" pitchFamily="50" charset="-128"/>
                          <a:ea typeface="BIZ UDPゴシック" panose="020B0400000000000000" pitchFamily="50" charset="-128"/>
                        </a:rPr>
                        <a:t>年？</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en-US" sz="2000" b="0" i="0" u="none" strike="noStrike" dirty="0">
                          <a:solidFill>
                            <a:srgbClr val="000000"/>
                          </a:solidFill>
                          <a:effectLst/>
                          <a:latin typeface="Arial Rounded MT Bold" panose="020F0704030504030204" pitchFamily="34" charset="0"/>
                          <a:ea typeface="游ゴシック" panose="020B0400000000000000" pitchFamily="50" charset="-128"/>
                        </a:rPr>
                        <a:t>Stargate</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800" b="1" i="0" u="none" strike="noStrike" dirty="0">
                          <a:solidFill>
                            <a:srgbClr val="000000"/>
                          </a:solidFill>
                          <a:effectLst/>
                          <a:latin typeface="Arial Rounded MT Bold" panose="020F0704030504030204" pitchFamily="34" charset="0"/>
                          <a:ea typeface="游ゴシック" panose="020B0400000000000000" pitchFamily="50" charset="-128"/>
                        </a:rPr>
                        <a:t>-</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ctr" fontAlgn="ctr"/>
                      <a:r>
                        <a:rPr lang="ja-JP" altLang="en-US" sz="1800" b="1" i="0" u="none" strike="noStrike" dirty="0">
                          <a:solidFill>
                            <a:srgbClr val="000000"/>
                          </a:solidFill>
                          <a:effectLst/>
                          <a:latin typeface="Arial Rounded MT Bold" panose="020F0704030504030204" pitchFamily="34" charset="0"/>
                          <a:ea typeface="游ゴシック" panose="020B0400000000000000" pitchFamily="50" charset="-128"/>
                        </a:rPr>
                        <a:t>〇</a:t>
                      </a:r>
                    </a:p>
                  </a:txBody>
                  <a:tcPr marL="6478" marR="6478" marT="647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40000"/>
                        <a:lumOff val="60000"/>
                      </a:schemeClr>
                    </a:solidFill>
                  </a:tcPr>
                </a:tc>
                <a:tc>
                  <a:txBody>
                    <a:bodyPr/>
                    <a:lstStyle/>
                    <a:p>
                      <a:pPr algn="l" fontAlgn="ctr"/>
                      <a:r>
                        <a:rPr lang="en-US" sz="1050" b="0" i="0" u="none" strike="noStrike" dirty="0">
                          <a:solidFill>
                            <a:srgbClr val="000000"/>
                          </a:solidFill>
                          <a:effectLst/>
                          <a:latin typeface="Yu Gothic UI" panose="020B0500000000000000" pitchFamily="50" charset="-128"/>
                          <a:ea typeface="Yu Gothic UI" panose="020B0500000000000000" pitchFamily="50" charset="-128"/>
                        </a:rPr>
                        <a:t> Wisconsin/</a:t>
                      </a:r>
                      <a:r>
                        <a:rPr lang="en-US" sz="1050" b="0" i="0" u="none" strike="noStrike" dirty="0" err="1">
                          <a:solidFill>
                            <a:srgbClr val="000000"/>
                          </a:solidFill>
                          <a:effectLst/>
                          <a:latin typeface="Yu Gothic UI" panose="020B0500000000000000" pitchFamily="50" charset="-128"/>
                          <a:ea typeface="Yu Gothic UI" panose="020B0500000000000000" pitchFamily="50" charset="-128"/>
                        </a:rPr>
                        <a:t>Mt.Pleasant</a:t>
                      </a:r>
                      <a:endParaRPr lang="en-US" sz="1050" b="0" i="0" u="none" strike="noStrike" dirty="0">
                        <a:solidFill>
                          <a:srgbClr val="000000"/>
                        </a:solidFill>
                        <a:effectLst/>
                        <a:latin typeface="Yu Gothic UI" panose="020B0500000000000000" pitchFamily="50" charset="-128"/>
                        <a:ea typeface="Yu Gothic UI" panose="020B0500000000000000" pitchFamily="50" charset="-128"/>
                      </a:endParaRPr>
                    </a:p>
                    <a:p>
                      <a:pPr algn="l" fontAlgn="ctr"/>
                      <a:r>
                        <a:rPr lang="en-US" altLang="ja-JP" sz="1050" b="0" i="0" u="none" strike="noStrike" dirty="0">
                          <a:solidFill>
                            <a:srgbClr val="000000"/>
                          </a:solidFill>
                          <a:effectLst/>
                          <a:latin typeface="Yu Gothic UI" panose="020B0500000000000000" pitchFamily="50" charset="-128"/>
                          <a:ea typeface="Yu Gothic UI" panose="020B0500000000000000" pitchFamily="50" charset="-128"/>
                        </a:rPr>
                        <a:t> Power</a:t>
                      </a:r>
                      <a:r>
                        <a:rPr lang="ja-JP" altLang="en-US" sz="1050" b="0" i="0" u="none" strike="noStrike" dirty="0">
                          <a:solidFill>
                            <a:srgbClr val="000000"/>
                          </a:solidFill>
                          <a:effectLst/>
                          <a:latin typeface="Yu Gothic UI" panose="020B0500000000000000" pitchFamily="50" charset="-128"/>
                          <a:ea typeface="Yu Gothic UI" panose="020B0500000000000000" pitchFamily="50" charset="-128"/>
                        </a:rPr>
                        <a:t>：</a:t>
                      </a:r>
                      <a:r>
                        <a:rPr lang="en-US" sz="1050" b="0" i="0" u="none" strike="noStrike" dirty="0">
                          <a:solidFill>
                            <a:srgbClr val="000000"/>
                          </a:solidFill>
                          <a:effectLst/>
                          <a:latin typeface="Yu Gothic UI" panose="020B0500000000000000" pitchFamily="50" charset="-128"/>
                          <a:ea typeface="Yu Gothic UI" panose="020B0500000000000000" pitchFamily="50" charset="-128"/>
                        </a:rPr>
                        <a:t>5Giga watts</a:t>
                      </a:r>
                    </a:p>
                  </a:txBody>
                  <a:tcPr marL="6478" marR="6478" marT="647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40000"/>
                        <a:lumOff val="60000"/>
                      </a:schemeClr>
                    </a:solidFill>
                  </a:tcPr>
                </a:tc>
                <a:extLst>
                  <a:ext uri="{0D108BD9-81ED-4DB2-BD59-A6C34878D82A}">
                    <a16:rowId xmlns:a16="http://schemas.microsoft.com/office/drawing/2014/main" val="431905674"/>
                  </a:ext>
                </a:extLst>
              </a:tr>
            </a:tbl>
          </a:graphicData>
        </a:graphic>
      </p:graphicFrame>
    </p:spTree>
    <p:extLst>
      <p:ext uri="{BB962C8B-B14F-4D97-AF65-F5344CB8AC3E}">
        <p14:creationId xmlns:p14="http://schemas.microsoft.com/office/powerpoint/2010/main" val="294515057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a:extLst>
              <a:ext uri="{FF2B5EF4-FFF2-40B4-BE49-F238E27FC236}">
                <a16:creationId xmlns:a16="http://schemas.microsoft.com/office/drawing/2014/main" id="{CB91481A-8BC9-0153-45F2-A967DC5B8929}"/>
              </a:ext>
            </a:extLst>
          </p:cNvPr>
          <p:cNvSpPr/>
          <p:nvPr/>
        </p:nvSpPr>
        <p:spPr>
          <a:xfrm>
            <a:off x="0" y="0"/>
            <a:ext cx="12192000" cy="6858000"/>
          </a:xfrm>
          <a:prstGeom prst="rect">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a:extLst>
              <a:ext uri="{FF2B5EF4-FFF2-40B4-BE49-F238E27FC236}">
                <a16:creationId xmlns:a16="http://schemas.microsoft.com/office/drawing/2014/main" id="{42E70F4F-0068-BA4F-86DA-069E75A81E2D}"/>
              </a:ext>
            </a:extLst>
          </p:cNvPr>
          <p:cNvSpPr txBox="1"/>
          <p:nvPr/>
        </p:nvSpPr>
        <p:spPr>
          <a:xfrm>
            <a:off x="1" y="2705725"/>
            <a:ext cx="12191999" cy="1446550"/>
          </a:xfrm>
          <a:prstGeom prst="rect">
            <a:avLst/>
          </a:prstGeom>
          <a:noFill/>
        </p:spPr>
        <p:txBody>
          <a:bodyPr wrap="square" rtlCol="0">
            <a:spAutoFit/>
          </a:bodyPr>
          <a:lstStyle/>
          <a:p>
            <a:pPr algn="ctr"/>
            <a:r>
              <a:rPr kumimoji="1" lang="ja-JP" altLang="en-US"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リザバー計算機</a:t>
            </a:r>
            <a:r>
              <a:rPr kumimoji="1" lang="ja-JP" altLang="en-US" sz="16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rPr>
              <a:t>とは？</a:t>
            </a:r>
            <a:endParaRPr kumimoji="1" lang="en-US" altLang="ja-JP" sz="8800" dirty="0">
              <a:solidFill>
                <a:schemeClr val="bg1"/>
              </a:solidFill>
              <a:effectLst>
                <a:outerShdw blurRad="38100" dist="38100" dir="2700000" algn="tl">
                  <a:srgbClr val="000000">
                    <a:alpha val="43137"/>
                  </a:srgbClr>
                </a:outerShdw>
              </a:effectLst>
              <a:latin typeface="HGS創英角ｺﾞｼｯｸUB" panose="020B0900000000000000" pitchFamily="50" charset="-128"/>
              <a:ea typeface="HGS創英角ｺﾞｼｯｸUB" panose="020B0900000000000000" pitchFamily="50" charset="-128"/>
            </a:endParaRPr>
          </a:p>
        </p:txBody>
      </p:sp>
    </p:spTree>
    <p:extLst>
      <p:ext uri="{BB962C8B-B14F-4D97-AF65-F5344CB8AC3E}">
        <p14:creationId xmlns:p14="http://schemas.microsoft.com/office/powerpoint/2010/main" val="4279618435"/>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Metadata/LabelInfo.xml><?xml version="1.0" encoding="utf-8"?>
<clbl:labelList xmlns:clbl="http://schemas.microsoft.com/office/2020/mipLabelMetadata">
  <clbl:label id="{ffb76b20-b480-4230-8bf5-23ec920b1ce3}" enabled="0" method="" siteId="{ffb76b20-b480-4230-8bf5-23ec920b1ce3}" removed="1"/>
</clbl:labelList>
</file>

<file path=docProps/app.xml><?xml version="1.0" encoding="utf-8"?>
<Properties xmlns="http://schemas.openxmlformats.org/officeDocument/2006/extended-properties" xmlns:vt="http://schemas.openxmlformats.org/officeDocument/2006/docPropsVTypes">
  <TotalTime>19812</TotalTime>
  <Words>5067</Words>
  <Application>Microsoft Office PowerPoint</Application>
  <PresentationFormat>ワイド画面</PresentationFormat>
  <Paragraphs>636</Paragraphs>
  <Slides>73</Slides>
  <Notes>12</Notes>
  <HiddenSlides>0</HiddenSlides>
  <MMClips>0</MMClips>
  <ScaleCrop>false</ScaleCrop>
  <HeadingPairs>
    <vt:vector size="6" baseType="variant">
      <vt:variant>
        <vt:lpstr>使用されているフォント</vt:lpstr>
      </vt:variant>
      <vt:variant>
        <vt:i4>32</vt:i4>
      </vt:variant>
      <vt:variant>
        <vt:lpstr>テーマ</vt:lpstr>
      </vt:variant>
      <vt:variant>
        <vt:i4>1</vt:i4>
      </vt:variant>
      <vt:variant>
        <vt:lpstr>スライド タイトル</vt:lpstr>
      </vt:variant>
      <vt:variant>
        <vt:i4>73</vt:i4>
      </vt:variant>
    </vt:vector>
  </HeadingPairs>
  <TitlesOfParts>
    <vt:vector size="106" baseType="lpstr">
      <vt:lpstr>BIZ UDPゴシック</vt:lpstr>
      <vt:lpstr>BIZ UDP明朝 Medium</vt:lpstr>
      <vt:lpstr>BIZ UDゴシック</vt:lpstr>
      <vt:lpstr>Helvetica Neue</vt:lpstr>
      <vt:lpstr>HGP創英角ｺﾞｼｯｸUB</vt:lpstr>
      <vt:lpstr>HGP創英角ﾎﾟｯﾌﾟ体</vt:lpstr>
      <vt:lpstr>HGS創英ﾌﾟﾚｾﾞﾝｽEB</vt:lpstr>
      <vt:lpstr>HGS創英角ｺﾞｼｯｸUB</vt:lpstr>
      <vt:lpstr>HiraKakuProN-W3</vt:lpstr>
      <vt:lpstr>Malgun Gothic</vt:lpstr>
      <vt:lpstr>Meiryo UI</vt:lpstr>
      <vt:lpstr>Microsoft JhengHei</vt:lpstr>
      <vt:lpstr>ＭＳ ゴシック</vt:lpstr>
      <vt:lpstr>UD デジタル 教科書体 NK-B</vt:lpstr>
      <vt:lpstr>UD Digi Kyokasho NK-R</vt:lpstr>
      <vt:lpstr>Yu Gothic UI</vt:lpstr>
      <vt:lpstr>メイリオ</vt:lpstr>
      <vt:lpstr>游ゴシック</vt:lpstr>
      <vt:lpstr>游ゴシック Light</vt:lpstr>
      <vt:lpstr>Amasis MT Pro Black</vt:lpstr>
      <vt:lpstr>Amasis MT Pro Medium</vt:lpstr>
      <vt:lpstr>Arial</vt:lpstr>
      <vt:lpstr>Arial Rounded MT Bold</vt:lpstr>
      <vt:lpstr>Berlin Sans FB Demi</vt:lpstr>
      <vt:lpstr>Cambria Math</vt:lpstr>
      <vt:lpstr>Century Gothic</vt:lpstr>
      <vt:lpstr>Congenial Black</vt:lpstr>
      <vt:lpstr>Cooper Black</vt:lpstr>
      <vt:lpstr>Franklin Gothic Heavy</vt:lpstr>
      <vt:lpstr>Segoe UI</vt:lpstr>
      <vt:lpstr>Times New Roman</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Abe,YutakaTKZIM</dc:creator>
  <cp:lastModifiedBy>Abe,YutakaTKZIM</cp:lastModifiedBy>
  <cp:revision>11</cp:revision>
  <dcterms:created xsi:type="dcterms:W3CDTF">2024-11-30T10:56:41Z</dcterms:created>
  <dcterms:modified xsi:type="dcterms:W3CDTF">2025-01-05T22:40:20Z</dcterms:modified>
</cp:coreProperties>
</file>